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1"/>
  </p:sldMasterIdLst>
  <p:sldIdLst>
    <p:sldId id="276" r:id="rId2"/>
    <p:sldId id="260" r:id="rId3"/>
    <p:sldId id="258" r:id="rId4"/>
    <p:sldId id="264" r:id="rId5"/>
    <p:sldId id="284" r:id="rId6"/>
    <p:sldId id="261" r:id="rId7"/>
    <p:sldId id="265" r:id="rId8"/>
    <p:sldId id="266" r:id="rId9"/>
    <p:sldId id="269" r:id="rId10"/>
    <p:sldId id="271" r:id="rId11"/>
    <p:sldId id="272" r:id="rId12"/>
    <p:sldId id="278" r:id="rId13"/>
    <p:sldId id="279" r:id="rId14"/>
    <p:sldId id="280" r:id="rId15"/>
    <p:sldId id="277" r:id="rId16"/>
    <p:sldId id="274" r:id="rId17"/>
  </p:sldIdLst>
  <p:sldSz cx="12192000" cy="6858000"/>
  <p:notesSz cx="6858000" cy="9144000"/>
  <p:embeddedFontLst>
    <p:embeddedFont>
      <p:font typeface="DX피오피" panose="02020600000000000000" pitchFamily="18" charset="-127"/>
      <p:regular r:id="rId18"/>
    </p:embeddedFont>
    <p:embeddedFont>
      <p:font typeface="맑은 고딕" panose="020B0503020000020004" pitchFamily="50" charset="-127"/>
      <p:regular r:id="rId19"/>
      <p:bold r:id="rId20"/>
    </p:embeddedFont>
    <p:embeddedFont>
      <p:font typeface="HY얕은샘물M" panose="02030600000101010101" pitchFamily="18" charset="-127"/>
      <p:regular r:id="rId21"/>
    </p:embeddedFont>
  </p:embeddedFontLst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0000"/>
    <a:srgbClr val="C5A559"/>
    <a:srgbClr val="7FC9D2"/>
    <a:srgbClr val="1693D4"/>
    <a:srgbClr val="FDDF1D"/>
    <a:srgbClr val="FCE118"/>
    <a:srgbClr val="1A92CE"/>
    <a:srgbClr val="EE8186"/>
    <a:srgbClr val="1894D0"/>
    <a:srgbClr val="FCDF1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0807" autoAdjust="0"/>
    <p:restoredTop sz="94660"/>
  </p:normalViewPr>
  <p:slideViewPr>
    <p:cSldViewPr snapToGrid="0">
      <p:cViewPr>
        <p:scale>
          <a:sx n="125" d="100"/>
          <a:sy n="125" d="100"/>
        </p:scale>
        <p:origin x="1398" y="8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1.fntdata"/><Relationship Id="rId3" Type="http://schemas.openxmlformats.org/officeDocument/2006/relationships/slide" Target="slides/slide2.xml"/><Relationship Id="rId21" Type="http://schemas.openxmlformats.org/officeDocument/2006/relationships/font" Target="fonts/font4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2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 smtClean="0"/>
              <a:t>클릭하여 마스터 부제목 스타일 편집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2622307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 smtClean="0"/>
              <a:t>마스터 텍스트 스타일 편집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39543681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 smtClean="0"/>
              <a:t>마스터 텍스트 스타일 편집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840950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 smtClean="0"/>
              <a:t>마스터 텍스트 스타일 편집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580149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 smtClean="0"/>
              <a:t>마스터 텍스트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0561980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 편집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 편집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50798725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 smtClean="0"/>
              <a:t>마스터 텍스트 스타일 편집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 편집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 smtClean="0"/>
              <a:t>마스터 텍스트 스타일 편집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 편집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234020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33177428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14349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 smtClean="0"/>
              <a:t>마스터 텍스트 스타일 편집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 smtClean="0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77867725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 smtClean="0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9006718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 smtClean="0"/>
              <a:t>마스터 텍스트 스타일 편집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A3C3824-F772-4746-9F6D-3DA026F1FCD0}" type="datetimeFigureOut">
              <a:rPr lang="ko-KR" altLang="en-US" smtClean="0"/>
              <a:t>2017-06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4934A6-1A6C-4B00-8843-17A74A9264F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9830491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7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jpeg"/><Relationship Id="rId5" Type="http://schemas.openxmlformats.org/officeDocument/2006/relationships/image" Target="../media/image6.jpeg"/><Relationship Id="rId4" Type="http://schemas.openxmlformats.org/officeDocument/2006/relationships/image" Target="../media/image5.jpe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0.jp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14.JPG"/><Relationship Id="rId4" Type="http://schemas.openxmlformats.org/officeDocument/2006/relationships/image" Target="../media/image13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8" name="직사각형 177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9" name="모서리가 둥근 직사각형 178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351" name="그룹 350"/>
          <p:cNvGrpSpPr/>
          <p:nvPr/>
        </p:nvGrpSpPr>
        <p:grpSpPr>
          <a:xfrm>
            <a:off x="2776453" y="2682408"/>
            <a:ext cx="662512" cy="662512"/>
            <a:chOff x="5691516" y="909638"/>
            <a:chExt cx="248551" cy="248551"/>
          </a:xfrm>
        </p:grpSpPr>
        <p:sp>
          <p:nvSpPr>
            <p:cNvPr id="352" name="타원 351"/>
            <p:cNvSpPr/>
            <p:nvPr/>
          </p:nvSpPr>
          <p:spPr>
            <a:xfrm>
              <a:off x="5691516" y="909638"/>
              <a:ext cx="248551" cy="248551"/>
            </a:xfrm>
            <a:prstGeom prst="ellipse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353" name="그룹 352"/>
            <p:cNvGrpSpPr/>
            <p:nvPr/>
          </p:nvGrpSpPr>
          <p:grpSpPr>
            <a:xfrm rot="19800000">
              <a:off x="5721316" y="964148"/>
              <a:ext cx="188949" cy="139531"/>
              <a:chOff x="5704686" y="6045460"/>
              <a:chExt cx="2515206" cy="1857376"/>
            </a:xfrm>
          </p:grpSpPr>
          <p:sp>
            <p:nvSpPr>
              <p:cNvPr id="354" name="타원 353"/>
              <p:cNvSpPr/>
              <p:nvPr/>
            </p:nvSpPr>
            <p:spPr>
              <a:xfrm rot="1180503">
                <a:off x="5704686" y="6045461"/>
                <a:ext cx="1123710" cy="1857375"/>
              </a:xfrm>
              <a:prstGeom prst="ellipse">
                <a:avLst/>
              </a:prstGeom>
              <a:solidFill>
                <a:srgbClr val="FFFEF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55" name="타원 354"/>
              <p:cNvSpPr/>
              <p:nvPr/>
            </p:nvSpPr>
            <p:spPr>
              <a:xfrm rot="1180503">
                <a:off x="5886112" y="6232967"/>
                <a:ext cx="760858" cy="1482362"/>
              </a:xfrm>
              <a:prstGeom prst="ellipse">
                <a:avLst/>
              </a:prstGeom>
              <a:solidFill>
                <a:srgbClr val="181717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56" name="타원 355"/>
              <p:cNvSpPr/>
              <p:nvPr/>
            </p:nvSpPr>
            <p:spPr>
              <a:xfrm>
                <a:off x="6098503" y="7331050"/>
                <a:ext cx="208519" cy="208519"/>
              </a:xfrm>
              <a:prstGeom prst="ellipse">
                <a:avLst/>
              </a:prstGeom>
              <a:solidFill>
                <a:srgbClr val="FFFEF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57" name="타원 356"/>
              <p:cNvSpPr/>
              <p:nvPr/>
            </p:nvSpPr>
            <p:spPr>
              <a:xfrm rot="1180503">
                <a:off x="7096182" y="6045460"/>
                <a:ext cx="1123710" cy="1857375"/>
              </a:xfrm>
              <a:prstGeom prst="ellipse">
                <a:avLst/>
              </a:prstGeom>
              <a:solidFill>
                <a:srgbClr val="FFFEF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58" name="타원 357"/>
              <p:cNvSpPr/>
              <p:nvPr/>
            </p:nvSpPr>
            <p:spPr>
              <a:xfrm rot="1180503">
                <a:off x="7277608" y="6232966"/>
                <a:ext cx="760858" cy="1482362"/>
              </a:xfrm>
              <a:prstGeom prst="ellipse">
                <a:avLst/>
              </a:prstGeom>
              <a:solidFill>
                <a:srgbClr val="181717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59" name="타원 358"/>
              <p:cNvSpPr/>
              <p:nvPr/>
            </p:nvSpPr>
            <p:spPr>
              <a:xfrm>
                <a:off x="7430468" y="7278662"/>
                <a:ext cx="208519" cy="208519"/>
              </a:xfrm>
              <a:prstGeom prst="ellipse">
                <a:avLst/>
              </a:prstGeom>
              <a:solidFill>
                <a:srgbClr val="FFFEF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60" name="막힌 원호 359"/>
              <p:cNvSpPr/>
              <p:nvPr/>
            </p:nvSpPr>
            <p:spPr>
              <a:xfrm rot="11700000">
                <a:off x="6518387" y="7098280"/>
                <a:ext cx="777801" cy="777801"/>
              </a:xfrm>
              <a:prstGeom prst="blockArc">
                <a:avLst>
                  <a:gd name="adj1" fmla="val 10800000"/>
                  <a:gd name="adj2" fmla="val 555000"/>
                  <a:gd name="adj3" fmla="val 20829"/>
                </a:avLst>
              </a:prstGeom>
              <a:solidFill>
                <a:srgbClr val="FFFEF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>
                  <a:solidFill>
                    <a:schemeClr val="tx1"/>
                  </a:solidFill>
                </a:endParaRPr>
              </a:p>
            </p:txBody>
          </p:sp>
        </p:grpSp>
      </p:grpSp>
      <p:grpSp>
        <p:nvGrpSpPr>
          <p:cNvPr id="241" name="그룹 240"/>
          <p:cNvGrpSpPr/>
          <p:nvPr/>
        </p:nvGrpSpPr>
        <p:grpSpPr>
          <a:xfrm rot="900000">
            <a:off x="9018018" y="1378419"/>
            <a:ext cx="1180762" cy="1534243"/>
            <a:chOff x="7257648" y="-1267358"/>
            <a:chExt cx="1471903" cy="1912542"/>
          </a:xfrm>
        </p:grpSpPr>
        <p:grpSp>
          <p:nvGrpSpPr>
            <p:cNvPr id="242" name="그룹 241"/>
            <p:cNvGrpSpPr/>
            <p:nvPr/>
          </p:nvGrpSpPr>
          <p:grpSpPr>
            <a:xfrm>
              <a:off x="7257648" y="-216522"/>
              <a:ext cx="1471903" cy="861706"/>
              <a:chOff x="8086181" y="1536469"/>
              <a:chExt cx="1471903" cy="861706"/>
            </a:xfrm>
          </p:grpSpPr>
          <p:grpSp>
            <p:nvGrpSpPr>
              <p:cNvPr id="244" name="그룹 243"/>
              <p:cNvGrpSpPr/>
              <p:nvPr/>
            </p:nvGrpSpPr>
            <p:grpSpPr>
              <a:xfrm>
                <a:off x="8086181" y="2033107"/>
                <a:ext cx="1471903" cy="175926"/>
                <a:chOff x="8086181" y="2033107"/>
                <a:chExt cx="1471903" cy="175926"/>
              </a:xfrm>
            </p:grpSpPr>
            <p:grpSp>
              <p:nvGrpSpPr>
                <p:cNvPr id="259" name="그룹 258"/>
                <p:cNvGrpSpPr/>
                <p:nvPr/>
              </p:nvGrpSpPr>
              <p:grpSpPr>
                <a:xfrm rot="20700000">
                  <a:off x="8086181" y="2039785"/>
                  <a:ext cx="376353" cy="169248"/>
                  <a:chOff x="5495925" y="2497650"/>
                  <a:chExt cx="733072" cy="329668"/>
                </a:xfrm>
              </p:grpSpPr>
              <p:grpSp>
                <p:nvGrpSpPr>
                  <p:cNvPr id="269" name="그룹 268"/>
                  <p:cNvGrpSpPr/>
                  <p:nvPr/>
                </p:nvGrpSpPr>
                <p:grpSpPr>
                  <a:xfrm>
                    <a:off x="5495925" y="2497650"/>
                    <a:ext cx="733072" cy="329668"/>
                    <a:chOff x="5495925" y="2497650"/>
                    <a:chExt cx="733072" cy="329668"/>
                  </a:xfrm>
                </p:grpSpPr>
                <p:sp>
                  <p:nvSpPr>
                    <p:cNvPr id="274" name="타원 273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275" name="타원 274"/>
                    <p:cNvSpPr/>
                    <p:nvPr/>
                  </p:nvSpPr>
                  <p:spPr>
                    <a:xfrm>
                      <a:off x="5693570" y="2605952"/>
                      <a:ext cx="491164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276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  <p:grpSp>
                <p:nvGrpSpPr>
                  <p:cNvPr id="270" name="그룹 269"/>
                  <p:cNvGrpSpPr/>
                  <p:nvPr/>
                </p:nvGrpSpPr>
                <p:grpSpPr>
                  <a:xfrm>
                    <a:off x="5533084" y="2519362"/>
                    <a:ext cx="673019" cy="273693"/>
                    <a:chOff x="5495925" y="2497650"/>
                    <a:chExt cx="733072" cy="335244"/>
                  </a:xfrm>
                  <a:solidFill>
                    <a:schemeClr val="accent4">
                      <a:lumMod val="20000"/>
                      <a:lumOff val="80000"/>
                    </a:schemeClr>
                  </a:solidFill>
                </p:grpSpPr>
                <p:sp>
                  <p:nvSpPr>
                    <p:cNvPr id="271" name="타원 270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solidFill>
                      <a:srgbClr val="DAE3F3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272" name="타원 271"/>
                    <p:cNvSpPr/>
                    <p:nvPr/>
                  </p:nvSpPr>
                  <p:spPr>
                    <a:xfrm>
                      <a:off x="5688348" y="2611528"/>
                      <a:ext cx="491164" cy="221366"/>
                    </a:xfrm>
                    <a:prstGeom prst="ellipse">
                      <a:avLst/>
                    </a:prstGeom>
                    <a:solidFill>
                      <a:srgbClr val="DAE3F3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273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solidFill>
                      <a:srgbClr val="DAE3F3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</p:grpSp>
            <p:grpSp>
              <p:nvGrpSpPr>
                <p:cNvPr id="260" name="그룹 259"/>
                <p:cNvGrpSpPr/>
                <p:nvPr/>
              </p:nvGrpSpPr>
              <p:grpSpPr>
                <a:xfrm rot="900000" flipH="1">
                  <a:off x="9181731" y="2033107"/>
                  <a:ext cx="376353" cy="169248"/>
                  <a:chOff x="5495925" y="2497650"/>
                  <a:chExt cx="733072" cy="329668"/>
                </a:xfrm>
              </p:grpSpPr>
              <p:grpSp>
                <p:nvGrpSpPr>
                  <p:cNvPr id="261" name="그룹 260"/>
                  <p:cNvGrpSpPr/>
                  <p:nvPr/>
                </p:nvGrpSpPr>
                <p:grpSpPr>
                  <a:xfrm>
                    <a:off x="5495925" y="2497650"/>
                    <a:ext cx="733072" cy="329668"/>
                    <a:chOff x="5495925" y="2497650"/>
                    <a:chExt cx="733072" cy="329668"/>
                  </a:xfrm>
                </p:grpSpPr>
                <p:sp>
                  <p:nvSpPr>
                    <p:cNvPr id="266" name="타원 265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267" name="타원 266"/>
                    <p:cNvSpPr/>
                    <p:nvPr/>
                  </p:nvSpPr>
                  <p:spPr>
                    <a:xfrm>
                      <a:off x="5693570" y="2605952"/>
                      <a:ext cx="491164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268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  <p:grpSp>
                <p:nvGrpSpPr>
                  <p:cNvPr id="262" name="그룹 261"/>
                  <p:cNvGrpSpPr/>
                  <p:nvPr/>
                </p:nvGrpSpPr>
                <p:grpSpPr>
                  <a:xfrm>
                    <a:off x="5533084" y="2519362"/>
                    <a:ext cx="673019" cy="273693"/>
                    <a:chOff x="5495925" y="2497650"/>
                    <a:chExt cx="733072" cy="335244"/>
                  </a:xfrm>
                  <a:solidFill>
                    <a:schemeClr val="accent4">
                      <a:lumMod val="20000"/>
                      <a:lumOff val="80000"/>
                    </a:schemeClr>
                  </a:solidFill>
                </p:grpSpPr>
                <p:sp>
                  <p:nvSpPr>
                    <p:cNvPr id="263" name="타원 262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solidFill>
                      <a:srgbClr val="DAE3F3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dirty="0"/>
                    </a:p>
                  </p:txBody>
                </p:sp>
                <p:sp>
                  <p:nvSpPr>
                    <p:cNvPr id="264" name="타원 263"/>
                    <p:cNvSpPr/>
                    <p:nvPr/>
                  </p:nvSpPr>
                  <p:spPr>
                    <a:xfrm>
                      <a:off x="5688348" y="2611528"/>
                      <a:ext cx="491164" cy="221366"/>
                    </a:xfrm>
                    <a:prstGeom prst="ellipse">
                      <a:avLst/>
                    </a:prstGeom>
                    <a:solidFill>
                      <a:srgbClr val="DAE3F3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dirty="0"/>
                    </a:p>
                  </p:txBody>
                </p:sp>
                <p:sp>
                  <p:nvSpPr>
                    <p:cNvPr id="265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solidFill>
                      <a:srgbClr val="DAE3F3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</p:grpSp>
          </p:grpSp>
          <p:grpSp>
            <p:nvGrpSpPr>
              <p:cNvPr id="245" name="그룹 244"/>
              <p:cNvGrpSpPr/>
              <p:nvPr/>
            </p:nvGrpSpPr>
            <p:grpSpPr>
              <a:xfrm>
                <a:off x="8343389" y="1536469"/>
                <a:ext cx="957484" cy="861706"/>
                <a:chOff x="2933304" y="-314880"/>
                <a:chExt cx="1085849" cy="977230"/>
              </a:xfrm>
            </p:grpSpPr>
            <p:grpSp>
              <p:nvGrpSpPr>
                <p:cNvPr id="246" name="그룹 245"/>
                <p:cNvGrpSpPr/>
                <p:nvPr/>
              </p:nvGrpSpPr>
              <p:grpSpPr>
                <a:xfrm>
                  <a:off x="2933304" y="-299241"/>
                  <a:ext cx="1085849" cy="961591"/>
                  <a:chOff x="5633253" y="255673"/>
                  <a:chExt cx="1085850" cy="961592"/>
                </a:xfrm>
              </p:grpSpPr>
              <p:sp>
                <p:nvSpPr>
                  <p:cNvPr id="257" name="사다리꼴 65"/>
                  <p:cNvSpPr/>
                  <p:nvPr/>
                </p:nvSpPr>
                <p:spPr>
                  <a:xfrm>
                    <a:off x="5633253" y="255673"/>
                    <a:ext cx="1085850" cy="961592"/>
                  </a:xfrm>
                  <a:custGeom>
                    <a:avLst/>
                    <a:gdLst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1085850" h="961592">
                        <a:moveTo>
                          <a:pt x="0" y="961592"/>
                        </a:moveTo>
                        <a:cubicBezTo>
                          <a:pt x="40445" y="617248"/>
                          <a:pt x="133279" y="320531"/>
                          <a:pt x="292786" y="0"/>
                        </a:cubicBezTo>
                        <a:lnTo>
                          <a:pt x="793064" y="0"/>
                        </a:lnTo>
                        <a:cubicBezTo>
                          <a:pt x="952571" y="306244"/>
                          <a:pt x="1021592" y="641061"/>
                          <a:pt x="1085850" y="961592"/>
                        </a:cubicBezTo>
                        <a:lnTo>
                          <a:pt x="0" y="961592"/>
                        </a:lnTo>
                        <a:close/>
                      </a:path>
                    </a:pathLst>
                  </a:custGeom>
                  <a:solidFill>
                    <a:schemeClr val="tx1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  <p:sp>
                <p:nvSpPr>
                  <p:cNvPr id="258" name="사다리꼴 65"/>
                  <p:cNvSpPr/>
                  <p:nvPr/>
                </p:nvSpPr>
                <p:spPr>
                  <a:xfrm>
                    <a:off x="5660970" y="281000"/>
                    <a:ext cx="1025464" cy="908116"/>
                  </a:xfrm>
                  <a:custGeom>
                    <a:avLst/>
                    <a:gdLst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1085850" h="961592">
                        <a:moveTo>
                          <a:pt x="0" y="961592"/>
                        </a:moveTo>
                        <a:cubicBezTo>
                          <a:pt x="40445" y="617248"/>
                          <a:pt x="133279" y="320531"/>
                          <a:pt x="292786" y="0"/>
                        </a:cubicBezTo>
                        <a:lnTo>
                          <a:pt x="793064" y="0"/>
                        </a:lnTo>
                        <a:cubicBezTo>
                          <a:pt x="952571" y="306244"/>
                          <a:pt x="1021592" y="641061"/>
                          <a:pt x="1085850" y="961592"/>
                        </a:cubicBezTo>
                        <a:lnTo>
                          <a:pt x="0" y="961592"/>
                        </a:lnTo>
                        <a:close/>
                      </a:path>
                    </a:pathLst>
                  </a:custGeom>
                  <a:solidFill>
                    <a:schemeClr val="bg2">
                      <a:lumMod val="25000"/>
                    </a:schemeClr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</p:grpSp>
            <p:grpSp>
              <p:nvGrpSpPr>
                <p:cNvPr id="247" name="그룹 246"/>
                <p:cNvGrpSpPr/>
                <p:nvPr/>
              </p:nvGrpSpPr>
              <p:grpSpPr>
                <a:xfrm>
                  <a:off x="3340498" y="-274668"/>
                  <a:ext cx="271462" cy="251043"/>
                  <a:chOff x="6037971" y="280246"/>
                  <a:chExt cx="271463" cy="251044"/>
                </a:xfrm>
              </p:grpSpPr>
              <p:sp>
                <p:nvSpPr>
                  <p:cNvPr id="255" name="이등변 삼각형 254"/>
                  <p:cNvSpPr/>
                  <p:nvPr/>
                </p:nvSpPr>
                <p:spPr>
                  <a:xfrm rot="10800000">
                    <a:off x="6037971" y="280623"/>
                    <a:ext cx="271463" cy="250667"/>
                  </a:xfrm>
                  <a:prstGeom prst="triangle">
                    <a:avLst/>
                  </a:prstGeom>
                  <a:solidFill>
                    <a:schemeClr val="tx1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/>
                  </a:p>
                </p:txBody>
              </p:sp>
              <p:sp>
                <p:nvSpPr>
                  <p:cNvPr id="256" name="이등변 삼각형 255"/>
                  <p:cNvSpPr/>
                  <p:nvPr/>
                </p:nvSpPr>
                <p:spPr>
                  <a:xfrm rot="10800000">
                    <a:off x="6056972" y="280246"/>
                    <a:ext cx="233460" cy="215575"/>
                  </a:xfrm>
                  <a:prstGeom prst="triangle">
                    <a:avLst/>
                  </a:prstGeom>
                  <a:solidFill>
                    <a:srgbClr val="FFFFFF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/>
                  </a:p>
                </p:txBody>
              </p:sp>
            </p:grpSp>
            <p:grpSp>
              <p:nvGrpSpPr>
                <p:cNvPr id="248" name="그룹 247"/>
                <p:cNvGrpSpPr/>
                <p:nvPr/>
              </p:nvGrpSpPr>
              <p:grpSpPr>
                <a:xfrm>
                  <a:off x="3308506" y="-314880"/>
                  <a:ext cx="335454" cy="124755"/>
                  <a:chOff x="6010424" y="240034"/>
                  <a:chExt cx="335455" cy="124755"/>
                </a:xfrm>
              </p:grpSpPr>
              <p:grpSp>
                <p:nvGrpSpPr>
                  <p:cNvPr id="249" name="그룹 248"/>
                  <p:cNvGrpSpPr/>
                  <p:nvPr/>
                </p:nvGrpSpPr>
                <p:grpSpPr>
                  <a:xfrm rot="15300000">
                    <a:off x="6034538" y="215920"/>
                    <a:ext cx="124755" cy="172984"/>
                    <a:chOff x="4785383" y="540544"/>
                    <a:chExt cx="308246" cy="275378"/>
                  </a:xfrm>
                </p:grpSpPr>
                <p:sp>
                  <p:nvSpPr>
                    <p:cNvPr id="253" name="이등변 삼각형 252"/>
                    <p:cNvSpPr/>
                    <p:nvPr/>
                  </p:nvSpPr>
                  <p:spPr>
                    <a:xfrm rot="10800000">
                      <a:off x="4785383" y="540544"/>
                      <a:ext cx="308246" cy="275378"/>
                    </a:xfrm>
                    <a:prstGeom prst="triangl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254" name="이등변 삼각형 253"/>
                    <p:cNvSpPr/>
                    <p:nvPr/>
                  </p:nvSpPr>
                  <p:spPr>
                    <a:xfrm rot="10800000">
                      <a:off x="4822776" y="558493"/>
                      <a:ext cx="233460" cy="215575"/>
                    </a:xfrm>
                    <a:prstGeom prst="triangle">
                      <a:avLst/>
                    </a:prstGeom>
                    <a:solidFill>
                      <a:srgbClr val="FFFFFF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  <p:grpSp>
                <p:nvGrpSpPr>
                  <p:cNvPr id="250" name="그룹 249"/>
                  <p:cNvGrpSpPr/>
                  <p:nvPr/>
                </p:nvGrpSpPr>
                <p:grpSpPr>
                  <a:xfrm rot="6300000">
                    <a:off x="6197009" y="215920"/>
                    <a:ext cx="124755" cy="172984"/>
                    <a:chOff x="4785383" y="540544"/>
                    <a:chExt cx="308246" cy="275378"/>
                  </a:xfrm>
                </p:grpSpPr>
                <p:sp>
                  <p:nvSpPr>
                    <p:cNvPr id="251" name="이등변 삼각형 250"/>
                    <p:cNvSpPr/>
                    <p:nvPr/>
                  </p:nvSpPr>
                  <p:spPr>
                    <a:xfrm rot="10800000">
                      <a:off x="4785383" y="540544"/>
                      <a:ext cx="308246" cy="275378"/>
                    </a:xfrm>
                    <a:prstGeom prst="triangl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252" name="이등변 삼각형 251"/>
                    <p:cNvSpPr/>
                    <p:nvPr/>
                  </p:nvSpPr>
                  <p:spPr>
                    <a:xfrm rot="10800000">
                      <a:off x="4822776" y="558493"/>
                      <a:ext cx="233460" cy="215575"/>
                    </a:xfrm>
                    <a:prstGeom prst="triangle">
                      <a:avLst/>
                    </a:prstGeom>
                    <a:solidFill>
                      <a:srgbClr val="FFFFFF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</p:grpSp>
          </p:grpSp>
        </p:grpSp>
        <p:pic>
          <p:nvPicPr>
            <p:cNvPr id="243" name="그림 24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359801" y="-1267358"/>
              <a:ext cx="1267596" cy="1121972"/>
            </a:xfrm>
            <a:prstGeom prst="rect">
              <a:avLst/>
            </a:prstGeom>
          </p:spPr>
        </p:pic>
      </p:grpSp>
      <p:grpSp>
        <p:nvGrpSpPr>
          <p:cNvPr id="277" name="그룹 276"/>
          <p:cNvGrpSpPr/>
          <p:nvPr/>
        </p:nvGrpSpPr>
        <p:grpSpPr>
          <a:xfrm rot="20700000">
            <a:off x="1266181" y="1903433"/>
            <a:ext cx="1180762" cy="1571854"/>
            <a:chOff x="9605667" y="-1139616"/>
            <a:chExt cx="1471903" cy="1959427"/>
          </a:xfrm>
        </p:grpSpPr>
        <p:grpSp>
          <p:nvGrpSpPr>
            <p:cNvPr id="278" name="그룹 277"/>
            <p:cNvGrpSpPr/>
            <p:nvPr/>
          </p:nvGrpSpPr>
          <p:grpSpPr>
            <a:xfrm>
              <a:off x="9605667" y="-41895"/>
              <a:ext cx="1471903" cy="861706"/>
              <a:chOff x="8086181" y="1536469"/>
              <a:chExt cx="1471903" cy="861706"/>
            </a:xfrm>
          </p:grpSpPr>
          <p:grpSp>
            <p:nvGrpSpPr>
              <p:cNvPr id="280" name="그룹 279"/>
              <p:cNvGrpSpPr/>
              <p:nvPr/>
            </p:nvGrpSpPr>
            <p:grpSpPr>
              <a:xfrm>
                <a:off x="8086181" y="2033107"/>
                <a:ext cx="1471903" cy="175926"/>
                <a:chOff x="8086181" y="2033107"/>
                <a:chExt cx="1471903" cy="175926"/>
              </a:xfrm>
            </p:grpSpPr>
            <p:grpSp>
              <p:nvGrpSpPr>
                <p:cNvPr id="295" name="그룹 294"/>
                <p:cNvGrpSpPr/>
                <p:nvPr/>
              </p:nvGrpSpPr>
              <p:grpSpPr>
                <a:xfrm rot="20700000">
                  <a:off x="8086181" y="2039785"/>
                  <a:ext cx="376353" cy="169248"/>
                  <a:chOff x="5495925" y="2497650"/>
                  <a:chExt cx="733072" cy="329668"/>
                </a:xfrm>
              </p:grpSpPr>
              <p:grpSp>
                <p:nvGrpSpPr>
                  <p:cNvPr id="305" name="그룹 304"/>
                  <p:cNvGrpSpPr/>
                  <p:nvPr/>
                </p:nvGrpSpPr>
                <p:grpSpPr>
                  <a:xfrm>
                    <a:off x="5495925" y="2497650"/>
                    <a:ext cx="733072" cy="329668"/>
                    <a:chOff x="5495925" y="2497650"/>
                    <a:chExt cx="733072" cy="329668"/>
                  </a:xfrm>
                </p:grpSpPr>
                <p:sp>
                  <p:nvSpPr>
                    <p:cNvPr id="310" name="타원 309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11" name="타원 310"/>
                    <p:cNvSpPr/>
                    <p:nvPr/>
                  </p:nvSpPr>
                  <p:spPr>
                    <a:xfrm>
                      <a:off x="5693570" y="2605952"/>
                      <a:ext cx="491164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12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  <p:grpSp>
                <p:nvGrpSpPr>
                  <p:cNvPr id="306" name="그룹 305"/>
                  <p:cNvGrpSpPr/>
                  <p:nvPr/>
                </p:nvGrpSpPr>
                <p:grpSpPr>
                  <a:xfrm>
                    <a:off x="5533084" y="2519362"/>
                    <a:ext cx="673019" cy="273693"/>
                    <a:chOff x="5495925" y="2497650"/>
                    <a:chExt cx="733072" cy="335244"/>
                  </a:xfrm>
                  <a:solidFill>
                    <a:schemeClr val="accent4">
                      <a:lumMod val="20000"/>
                      <a:lumOff val="80000"/>
                    </a:schemeClr>
                  </a:solidFill>
                </p:grpSpPr>
                <p:sp>
                  <p:nvSpPr>
                    <p:cNvPr id="307" name="타원 306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solidFill>
                      <a:srgbClr val="FBE5D6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08" name="타원 307"/>
                    <p:cNvSpPr/>
                    <p:nvPr/>
                  </p:nvSpPr>
                  <p:spPr>
                    <a:xfrm>
                      <a:off x="5688348" y="2611528"/>
                      <a:ext cx="491164" cy="221366"/>
                    </a:xfrm>
                    <a:prstGeom prst="ellipse">
                      <a:avLst/>
                    </a:prstGeom>
                    <a:solidFill>
                      <a:srgbClr val="FBE5D6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09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solidFill>
                      <a:srgbClr val="FBE5D6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</p:grpSp>
            <p:grpSp>
              <p:nvGrpSpPr>
                <p:cNvPr id="296" name="그룹 295"/>
                <p:cNvGrpSpPr/>
                <p:nvPr/>
              </p:nvGrpSpPr>
              <p:grpSpPr>
                <a:xfrm rot="900000" flipH="1">
                  <a:off x="9181731" y="2033107"/>
                  <a:ext cx="376353" cy="169248"/>
                  <a:chOff x="5495925" y="2497650"/>
                  <a:chExt cx="733072" cy="329668"/>
                </a:xfrm>
              </p:grpSpPr>
              <p:grpSp>
                <p:nvGrpSpPr>
                  <p:cNvPr id="297" name="그룹 296"/>
                  <p:cNvGrpSpPr/>
                  <p:nvPr/>
                </p:nvGrpSpPr>
                <p:grpSpPr>
                  <a:xfrm>
                    <a:off x="5495925" y="2497650"/>
                    <a:ext cx="733072" cy="329668"/>
                    <a:chOff x="5495925" y="2497650"/>
                    <a:chExt cx="733072" cy="329668"/>
                  </a:xfrm>
                </p:grpSpPr>
                <p:sp>
                  <p:nvSpPr>
                    <p:cNvPr id="302" name="타원 301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03" name="타원 302"/>
                    <p:cNvSpPr/>
                    <p:nvPr/>
                  </p:nvSpPr>
                  <p:spPr>
                    <a:xfrm>
                      <a:off x="5693570" y="2605952"/>
                      <a:ext cx="491164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04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  <p:grpSp>
                <p:nvGrpSpPr>
                  <p:cNvPr id="298" name="그룹 297"/>
                  <p:cNvGrpSpPr/>
                  <p:nvPr/>
                </p:nvGrpSpPr>
                <p:grpSpPr>
                  <a:xfrm>
                    <a:off x="5533084" y="2519362"/>
                    <a:ext cx="673019" cy="273693"/>
                    <a:chOff x="5495925" y="2497650"/>
                    <a:chExt cx="733072" cy="335244"/>
                  </a:xfrm>
                  <a:solidFill>
                    <a:schemeClr val="accent4">
                      <a:lumMod val="20000"/>
                      <a:lumOff val="80000"/>
                    </a:schemeClr>
                  </a:solidFill>
                </p:grpSpPr>
                <p:sp>
                  <p:nvSpPr>
                    <p:cNvPr id="299" name="타원 298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solidFill>
                      <a:srgbClr val="FBE5D6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dirty="0"/>
                    </a:p>
                  </p:txBody>
                </p:sp>
                <p:sp>
                  <p:nvSpPr>
                    <p:cNvPr id="300" name="타원 299"/>
                    <p:cNvSpPr/>
                    <p:nvPr/>
                  </p:nvSpPr>
                  <p:spPr>
                    <a:xfrm>
                      <a:off x="5688348" y="2611528"/>
                      <a:ext cx="491164" cy="221366"/>
                    </a:xfrm>
                    <a:prstGeom prst="ellipse">
                      <a:avLst/>
                    </a:prstGeom>
                    <a:solidFill>
                      <a:srgbClr val="FBE5D6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dirty="0"/>
                    </a:p>
                  </p:txBody>
                </p:sp>
                <p:sp>
                  <p:nvSpPr>
                    <p:cNvPr id="301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solidFill>
                      <a:srgbClr val="FBE5D6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</p:grpSp>
          </p:grpSp>
          <p:grpSp>
            <p:nvGrpSpPr>
              <p:cNvPr id="281" name="그룹 280"/>
              <p:cNvGrpSpPr/>
              <p:nvPr/>
            </p:nvGrpSpPr>
            <p:grpSpPr>
              <a:xfrm>
                <a:off x="8343389" y="1536469"/>
                <a:ext cx="957484" cy="861706"/>
                <a:chOff x="2933304" y="-314880"/>
                <a:chExt cx="1085849" cy="977230"/>
              </a:xfrm>
            </p:grpSpPr>
            <p:grpSp>
              <p:nvGrpSpPr>
                <p:cNvPr id="282" name="그룹 281"/>
                <p:cNvGrpSpPr/>
                <p:nvPr/>
              </p:nvGrpSpPr>
              <p:grpSpPr>
                <a:xfrm>
                  <a:off x="2933304" y="-299241"/>
                  <a:ext cx="1085849" cy="961591"/>
                  <a:chOff x="5633253" y="255673"/>
                  <a:chExt cx="1085850" cy="961592"/>
                </a:xfrm>
              </p:grpSpPr>
              <p:sp>
                <p:nvSpPr>
                  <p:cNvPr id="293" name="사다리꼴 65"/>
                  <p:cNvSpPr/>
                  <p:nvPr/>
                </p:nvSpPr>
                <p:spPr>
                  <a:xfrm>
                    <a:off x="5633253" y="255673"/>
                    <a:ext cx="1085850" cy="961592"/>
                  </a:xfrm>
                  <a:custGeom>
                    <a:avLst/>
                    <a:gdLst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1085850" h="961592">
                        <a:moveTo>
                          <a:pt x="0" y="961592"/>
                        </a:moveTo>
                        <a:cubicBezTo>
                          <a:pt x="40445" y="617248"/>
                          <a:pt x="133279" y="320531"/>
                          <a:pt x="292786" y="0"/>
                        </a:cubicBezTo>
                        <a:lnTo>
                          <a:pt x="793064" y="0"/>
                        </a:lnTo>
                        <a:cubicBezTo>
                          <a:pt x="952571" y="306244"/>
                          <a:pt x="1021592" y="641061"/>
                          <a:pt x="1085850" y="961592"/>
                        </a:cubicBezTo>
                        <a:lnTo>
                          <a:pt x="0" y="961592"/>
                        </a:lnTo>
                        <a:close/>
                      </a:path>
                    </a:pathLst>
                  </a:custGeom>
                  <a:solidFill>
                    <a:schemeClr val="tx1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  <p:sp>
                <p:nvSpPr>
                  <p:cNvPr id="294" name="사다리꼴 65"/>
                  <p:cNvSpPr/>
                  <p:nvPr/>
                </p:nvSpPr>
                <p:spPr>
                  <a:xfrm>
                    <a:off x="5660970" y="281000"/>
                    <a:ext cx="1025464" cy="908116"/>
                  </a:xfrm>
                  <a:custGeom>
                    <a:avLst/>
                    <a:gdLst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1085850" h="961592">
                        <a:moveTo>
                          <a:pt x="0" y="961592"/>
                        </a:moveTo>
                        <a:cubicBezTo>
                          <a:pt x="40445" y="617248"/>
                          <a:pt x="133279" y="320531"/>
                          <a:pt x="292786" y="0"/>
                        </a:cubicBezTo>
                        <a:lnTo>
                          <a:pt x="793064" y="0"/>
                        </a:lnTo>
                        <a:cubicBezTo>
                          <a:pt x="952571" y="306244"/>
                          <a:pt x="1021592" y="641061"/>
                          <a:pt x="1085850" y="961592"/>
                        </a:cubicBezTo>
                        <a:lnTo>
                          <a:pt x="0" y="961592"/>
                        </a:lnTo>
                        <a:close/>
                      </a:path>
                    </a:pathLst>
                  </a:custGeom>
                  <a:solidFill>
                    <a:schemeClr val="bg2">
                      <a:lumMod val="25000"/>
                    </a:schemeClr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</p:grpSp>
            <p:grpSp>
              <p:nvGrpSpPr>
                <p:cNvPr id="283" name="그룹 282"/>
                <p:cNvGrpSpPr/>
                <p:nvPr/>
              </p:nvGrpSpPr>
              <p:grpSpPr>
                <a:xfrm>
                  <a:off x="3340498" y="-274668"/>
                  <a:ext cx="271462" cy="251043"/>
                  <a:chOff x="6037971" y="280246"/>
                  <a:chExt cx="271463" cy="251044"/>
                </a:xfrm>
              </p:grpSpPr>
              <p:sp>
                <p:nvSpPr>
                  <p:cNvPr id="291" name="이등변 삼각형 290"/>
                  <p:cNvSpPr/>
                  <p:nvPr/>
                </p:nvSpPr>
                <p:spPr>
                  <a:xfrm rot="10800000">
                    <a:off x="6037971" y="280623"/>
                    <a:ext cx="271463" cy="250667"/>
                  </a:xfrm>
                  <a:prstGeom prst="triangle">
                    <a:avLst/>
                  </a:prstGeom>
                  <a:solidFill>
                    <a:schemeClr val="tx1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/>
                  </a:p>
                </p:txBody>
              </p:sp>
              <p:sp>
                <p:nvSpPr>
                  <p:cNvPr id="292" name="이등변 삼각형 291"/>
                  <p:cNvSpPr/>
                  <p:nvPr/>
                </p:nvSpPr>
                <p:spPr>
                  <a:xfrm rot="10800000">
                    <a:off x="6056972" y="280246"/>
                    <a:ext cx="233460" cy="215575"/>
                  </a:xfrm>
                  <a:prstGeom prst="triangle">
                    <a:avLst/>
                  </a:prstGeom>
                  <a:solidFill>
                    <a:srgbClr val="FFFFFF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/>
                  </a:p>
                </p:txBody>
              </p:sp>
            </p:grpSp>
            <p:grpSp>
              <p:nvGrpSpPr>
                <p:cNvPr id="284" name="그룹 283"/>
                <p:cNvGrpSpPr/>
                <p:nvPr/>
              </p:nvGrpSpPr>
              <p:grpSpPr>
                <a:xfrm>
                  <a:off x="3308506" y="-314880"/>
                  <a:ext cx="335454" cy="124755"/>
                  <a:chOff x="6010424" y="240034"/>
                  <a:chExt cx="335455" cy="124755"/>
                </a:xfrm>
              </p:grpSpPr>
              <p:grpSp>
                <p:nvGrpSpPr>
                  <p:cNvPr id="285" name="그룹 284"/>
                  <p:cNvGrpSpPr/>
                  <p:nvPr/>
                </p:nvGrpSpPr>
                <p:grpSpPr>
                  <a:xfrm rot="15300000">
                    <a:off x="6034538" y="215920"/>
                    <a:ext cx="124755" cy="172984"/>
                    <a:chOff x="4785383" y="540544"/>
                    <a:chExt cx="308246" cy="275378"/>
                  </a:xfrm>
                </p:grpSpPr>
                <p:sp>
                  <p:nvSpPr>
                    <p:cNvPr id="289" name="이등변 삼각형 288"/>
                    <p:cNvSpPr/>
                    <p:nvPr/>
                  </p:nvSpPr>
                  <p:spPr>
                    <a:xfrm rot="10800000">
                      <a:off x="4785383" y="540544"/>
                      <a:ext cx="308246" cy="275378"/>
                    </a:xfrm>
                    <a:prstGeom prst="triangl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290" name="이등변 삼각형 289"/>
                    <p:cNvSpPr/>
                    <p:nvPr/>
                  </p:nvSpPr>
                  <p:spPr>
                    <a:xfrm rot="10800000">
                      <a:off x="4822776" y="558493"/>
                      <a:ext cx="233460" cy="215575"/>
                    </a:xfrm>
                    <a:prstGeom prst="triangle">
                      <a:avLst/>
                    </a:prstGeom>
                    <a:solidFill>
                      <a:srgbClr val="FFFFFF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  <p:grpSp>
                <p:nvGrpSpPr>
                  <p:cNvPr id="286" name="그룹 285"/>
                  <p:cNvGrpSpPr/>
                  <p:nvPr/>
                </p:nvGrpSpPr>
                <p:grpSpPr>
                  <a:xfrm rot="6300000">
                    <a:off x="6197009" y="215920"/>
                    <a:ext cx="124755" cy="172984"/>
                    <a:chOff x="4785383" y="540544"/>
                    <a:chExt cx="308246" cy="275378"/>
                  </a:xfrm>
                </p:grpSpPr>
                <p:sp>
                  <p:nvSpPr>
                    <p:cNvPr id="287" name="이등변 삼각형 286"/>
                    <p:cNvSpPr/>
                    <p:nvPr/>
                  </p:nvSpPr>
                  <p:spPr>
                    <a:xfrm rot="10800000">
                      <a:off x="4785383" y="540544"/>
                      <a:ext cx="308246" cy="275378"/>
                    </a:xfrm>
                    <a:prstGeom prst="triangl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288" name="이등변 삼각형 287"/>
                    <p:cNvSpPr/>
                    <p:nvPr/>
                  </p:nvSpPr>
                  <p:spPr>
                    <a:xfrm rot="10800000">
                      <a:off x="4822776" y="558493"/>
                      <a:ext cx="233460" cy="215575"/>
                    </a:xfrm>
                    <a:prstGeom prst="triangle">
                      <a:avLst/>
                    </a:prstGeom>
                    <a:solidFill>
                      <a:srgbClr val="FFFFFF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</p:grpSp>
          </p:grpSp>
        </p:grpSp>
        <p:pic>
          <p:nvPicPr>
            <p:cNvPr id="279" name="그림 278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811990" y="-1139616"/>
              <a:ext cx="1059257" cy="1175256"/>
            </a:xfrm>
            <a:prstGeom prst="rect">
              <a:avLst/>
            </a:prstGeom>
          </p:spPr>
        </p:pic>
      </p:grpSp>
      <p:grpSp>
        <p:nvGrpSpPr>
          <p:cNvPr id="313" name="그룹 312"/>
          <p:cNvGrpSpPr/>
          <p:nvPr/>
        </p:nvGrpSpPr>
        <p:grpSpPr>
          <a:xfrm rot="900000">
            <a:off x="4964006" y="1623818"/>
            <a:ext cx="1202488" cy="1538032"/>
            <a:chOff x="4328100" y="-1083356"/>
            <a:chExt cx="1498986" cy="1917264"/>
          </a:xfrm>
        </p:grpSpPr>
        <p:grpSp>
          <p:nvGrpSpPr>
            <p:cNvPr id="314" name="그룹 313"/>
            <p:cNvGrpSpPr/>
            <p:nvPr/>
          </p:nvGrpSpPr>
          <p:grpSpPr>
            <a:xfrm>
              <a:off x="4341642" y="-27798"/>
              <a:ext cx="1471903" cy="861706"/>
              <a:chOff x="8086181" y="1536469"/>
              <a:chExt cx="1471903" cy="861706"/>
            </a:xfrm>
          </p:grpSpPr>
          <p:grpSp>
            <p:nvGrpSpPr>
              <p:cNvPr id="316" name="그룹 315"/>
              <p:cNvGrpSpPr/>
              <p:nvPr/>
            </p:nvGrpSpPr>
            <p:grpSpPr>
              <a:xfrm>
                <a:off x="8086181" y="2033107"/>
                <a:ext cx="1471903" cy="175926"/>
                <a:chOff x="8086181" y="2033107"/>
                <a:chExt cx="1471903" cy="175926"/>
              </a:xfrm>
            </p:grpSpPr>
            <p:grpSp>
              <p:nvGrpSpPr>
                <p:cNvPr id="331" name="그룹 330"/>
                <p:cNvGrpSpPr/>
                <p:nvPr/>
              </p:nvGrpSpPr>
              <p:grpSpPr>
                <a:xfrm rot="20700000">
                  <a:off x="8086181" y="2039785"/>
                  <a:ext cx="376353" cy="169248"/>
                  <a:chOff x="5495925" y="2497650"/>
                  <a:chExt cx="733072" cy="329668"/>
                </a:xfrm>
              </p:grpSpPr>
              <p:grpSp>
                <p:nvGrpSpPr>
                  <p:cNvPr id="341" name="그룹 340"/>
                  <p:cNvGrpSpPr/>
                  <p:nvPr/>
                </p:nvGrpSpPr>
                <p:grpSpPr>
                  <a:xfrm>
                    <a:off x="5495925" y="2497650"/>
                    <a:ext cx="733072" cy="329668"/>
                    <a:chOff x="5495925" y="2497650"/>
                    <a:chExt cx="733072" cy="329668"/>
                  </a:xfrm>
                </p:grpSpPr>
                <p:sp>
                  <p:nvSpPr>
                    <p:cNvPr id="346" name="타원 345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47" name="타원 346"/>
                    <p:cNvSpPr/>
                    <p:nvPr/>
                  </p:nvSpPr>
                  <p:spPr>
                    <a:xfrm>
                      <a:off x="5693570" y="2605952"/>
                      <a:ext cx="491164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48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  <p:grpSp>
                <p:nvGrpSpPr>
                  <p:cNvPr id="342" name="그룹 341"/>
                  <p:cNvGrpSpPr/>
                  <p:nvPr/>
                </p:nvGrpSpPr>
                <p:grpSpPr>
                  <a:xfrm>
                    <a:off x="5533084" y="2519362"/>
                    <a:ext cx="673019" cy="273693"/>
                    <a:chOff x="5495925" y="2497650"/>
                    <a:chExt cx="733072" cy="335244"/>
                  </a:xfrm>
                  <a:solidFill>
                    <a:schemeClr val="accent4">
                      <a:lumMod val="20000"/>
                      <a:lumOff val="80000"/>
                    </a:schemeClr>
                  </a:solidFill>
                </p:grpSpPr>
                <p:sp>
                  <p:nvSpPr>
                    <p:cNvPr id="343" name="타원 342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grpFill/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44" name="타원 343"/>
                    <p:cNvSpPr/>
                    <p:nvPr/>
                  </p:nvSpPr>
                  <p:spPr>
                    <a:xfrm>
                      <a:off x="5688348" y="2611528"/>
                      <a:ext cx="491164" cy="221366"/>
                    </a:xfrm>
                    <a:prstGeom prst="ellipse">
                      <a:avLst/>
                    </a:prstGeom>
                    <a:grpFill/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45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grpFill/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</p:grpSp>
            <p:grpSp>
              <p:nvGrpSpPr>
                <p:cNvPr id="332" name="그룹 331"/>
                <p:cNvGrpSpPr/>
                <p:nvPr/>
              </p:nvGrpSpPr>
              <p:grpSpPr>
                <a:xfrm rot="900000" flipH="1">
                  <a:off x="9181731" y="2033107"/>
                  <a:ext cx="376353" cy="169248"/>
                  <a:chOff x="5495925" y="2497650"/>
                  <a:chExt cx="733072" cy="329668"/>
                </a:xfrm>
              </p:grpSpPr>
              <p:grpSp>
                <p:nvGrpSpPr>
                  <p:cNvPr id="333" name="그룹 332"/>
                  <p:cNvGrpSpPr/>
                  <p:nvPr/>
                </p:nvGrpSpPr>
                <p:grpSpPr>
                  <a:xfrm>
                    <a:off x="5495925" y="2497650"/>
                    <a:ext cx="733072" cy="329668"/>
                    <a:chOff x="5495925" y="2497650"/>
                    <a:chExt cx="733072" cy="329668"/>
                  </a:xfrm>
                </p:grpSpPr>
                <p:sp>
                  <p:nvSpPr>
                    <p:cNvPr id="338" name="타원 337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39" name="타원 338"/>
                    <p:cNvSpPr/>
                    <p:nvPr/>
                  </p:nvSpPr>
                  <p:spPr>
                    <a:xfrm>
                      <a:off x="5693570" y="2605952"/>
                      <a:ext cx="491164" cy="221366"/>
                    </a:xfrm>
                    <a:prstGeom prst="ellips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40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  <p:grpSp>
                <p:nvGrpSpPr>
                  <p:cNvPr id="334" name="그룹 333"/>
                  <p:cNvGrpSpPr/>
                  <p:nvPr/>
                </p:nvGrpSpPr>
                <p:grpSpPr>
                  <a:xfrm>
                    <a:off x="5533084" y="2519362"/>
                    <a:ext cx="673019" cy="273693"/>
                    <a:chOff x="5495925" y="2497650"/>
                    <a:chExt cx="733072" cy="335244"/>
                  </a:xfrm>
                  <a:solidFill>
                    <a:schemeClr val="accent4">
                      <a:lumMod val="20000"/>
                      <a:lumOff val="80000"/>
                    </a:schemeClr>
                  </a:solidFill>
                </p:grpSpPr>
                <p:sp>
                  <p:nvSpPr>
                    <p:cNvPr id="335" name="타원 334"/>
                    <p:cNvSpPr/>
                    <p:nvPr/>
                  </p:nvSpPr>
                  <p:spPr>
                    <a:xfrm>
                      <a:off x="5495925" y="2497650"/>
                      <a:ext cx="661987" cy="221366"/>
                    </a:xfrm>
                    <a:prstGeom prst="ellipse">
                      <a:avLst/>
                    </a:prstGeom>
                    <a:grpFill/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dirty="0"/>
                    </a:p>
                  </p:txBody>
                </p:sp>
                <p:sp>
                  <p:nvSpPr>
                    <p:cNvPr id="336" name="타원 335"/>
                    <p:cNvSpPr/>
                    <p:nvPr/>
                  </p:nvSpPr>
                  <p:spPr>
                    <a:xfrm>
                      <a:off x="5688348" y="2611528"/>
                      <a:ext cx="491164" cy="221366"/>
                    </a:xfrm>
                    <a:prstGeom prst="ellipse">
                      <a:avLst/>
                    </a:prstGeom>
                    <a:grpFill/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dirty="0"/>
                    </a:p>
                  </p:txBody>
                </p:sp>
                <p:sp>
                  <p:nvSpPr>
                    <p:cNvPr id="337" name="타원 17"/>
                    <p:cNvSpPr/>
                    <p:nvPr/>
                  </p:nvSpPr>
                  <p:spPr>
                    <a:xfrm rot="16200000">
                      <a:off x="5967921" y="2550163"/>
                      <a:ext cx="284734" cy="237419"/>
                    </a:xfrm>
                    <a:custGeom>
                      <a:avLst/>
                      <a:gdLst>
                        <a:gd name="connsiteX0" fmla="*/ 0 w 491164"/>
                        <a:gd name="connsiteY0" fmla="*/ 211039 h 422077"/>
                        <a:gd name="connsiteX1" fmla="*/ 245582 w 491164"/>
                        <a:gd name="connsiteY1" fmla="*/ 0 h 422077"/>
                        <a:gd name="connsiteX2" fmla="*/ 491164 w 491164"/>
                        <a:gd name="connsiteY2" fmla="*/ 211039 h 422077"/>
                        <a:gd name="connsiteX3" fmla="*/ 245582 w 491164"/>
                        <a:gd name="connsiteY3" fmla="*/ 422078 h 422077"/>
                        <a:gd name="connsiteX4" fmla="*/ 0 w 491164"/>
                        <a:gd name="connsiteY4" fmla="*/ 211039 h 422077"/>
                        <a:gd name="connsiteX0" fmla="*/ 0 w 497990"/>
                        <a:gd name="connsiteY0" fmla="*/ 26380 h 237419"/>
                        <a:gd name="connsiteX1" fmla="*/ 491164 w 497990"/>
                        <a:gd name="connsiteY1" fmla="*/ 26380 h 237419"/>
                        <a:gd name="connsiteX2" fmla="*/ 245582 w 497990"/>
                        <a:gd name="connsiteY2" fmla="*/ 237419 h 237419"/>
                        <a:gd name="connsiteX3" fmla="*/ 0 w 497990"/>
                        <a:gd name="connsiteY3" fmla="*/ 26380 h 237419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</a:cxnLst>
                      <a:rect l="l" t="t" r="r" b="b"/>
                      <a:pathLst>
                        <a:path w="497990" h="237419">
                          <a:moveTo>
                            <a:pt x="0" y="26380"/>
                          </a:moveTo>
                          <a:cubicBezTo>
                            <a:pt x="40930" y="-8793"/>
                            <a:pt x="450234" y="-8793"/>
                            <a:pt x="491164" y="26380"/>
                          </a:cubicBezTo>
                          <a:cubicBezTo>
                            <a:pt x="532094" y="61553"/>
                            <a:pt x="381213" y="237419"/>
                            <a:pt x="245582" y="237419"/>
                          </a:cubicBezTo>
                          <a:cubicBezTo>
                            <a:pt x="109951" y="237419"/>
                            <a:pt x="0" y="142934"/>
                            <a:pt x="0" y="26380"/>
                          </a:cubicBezTo>
                          <a:close/>
                        </a:path>
                      </a:pathLst>
                    </a:custGeom>
                    <a:grpFill/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</p:grpSp>
          </p:grpSp>
          <p:grpSp>
            <p:nvGrpSpPr>
              <p:cNvPr id="317" name="그룹 316"/>
              <p:cNvGrpSpPr/>
              <p:nvPr/>
            </p:nvGrpSpPr>
            <p:grpSpPr>
              <a:xfrm>
                <a:off x="8343389" y="1536469"/>
                <a:ext cx="957484" cy="861706"/>
                <a:chOff x="2933304" y="-314880"/>
                <a:chExt cx="1085849" cy="977230"/>
              </a:xfrm>
            </p:grpSpPr>
            <p:grpSp>
              <p:nvGrpSpPr>
                <p:cNvPr id="318" name="그룹 317"/>
                <p:cNvGrpSpPr/>
                <p:nvPr/>
              </p:nvGrpSpPr>
              <p:grpSpPr>
                <a:xfrm>
                  <a:off x="2933304" y="-299241"/>
                  <a:ext cx="1085849" cy="961591"/>
                  <a:chOff x="5633253" y="255673"/>
                  <a:chExt cx="1085850" cy="961592"/>
                </a:xfrm>
              </p:grpSpPr>
              <p:sp>
                <p:nvSpPr>
                  <p:cNvPr id="329" name="사다리꼴 65"/>
                  <p:cNvSpPr/>
                  <p:nvPr/>
                </p:nvSpPr>
                <p:spPr>
                  <a:xfrm>
                    <a:off x="5633253" y="255673"/>
                    <a:ext cx="1085850" cy="961592"/>
                  </a:xfrm>
                  <a:custGeom>
                    <a:avLst/>
                    <a:gdLst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1085850" h="961592">
                        <a:moveTo>
                          <a:pt x="0" y="961592"/>
                        </a:moveTo>
                        <a:cubicBezTo>
                          <a:pt x="40445" y="617248"/>
                          <a:pt x="133279" y="320531"/>
                          <a:pt x="292786" y="0"/>
                        </a:cubicBezTo>
                        <a:lnTo>
                          <a:pt x="793064" y="0"/>
                        </a:lnTo>
                        <a:cubicBezTo>
                          <a:pt x="952571" y="306244"/>
                          <a:pt x="1021592" y="641061"/>
                          <a:pt x="1085850" y="961592"/>
                        </a:cubicBezTo>
                        <a:lnTo>
                          <a:pt x="0" y="961592"/>
                        </a:lnTo>
                        <a:close/>
                      </a:path>
                    </a:pathLst>
                  </a:custGeom>
                  <a:solidFill>
                    <a:schemeClr val="tx1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  <p:sp>
                <p:nvSpPr>
                  <p:cNvPr id="330" name="사다리꼴 65"/>
                  <p:cNvSpPr/>
                  <p:nvPr/>
                </p:nvSpPr>
                <p:spPr>
                  <a:xfrm>
                    <a:off x="5660970" y="281000"/>
                    <a:ext cx="1025464" cy="908116"/>
                  </a:xfrm>
                  <a:custGeom>
                    <a:avLst/>
                    <a:gdLst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  <a:gd name="connsiteX0" fmla="*/ 0 w 1085850"/>
                      <a:gd name="connsiteY0" fmla="*/ 961592 h 961592"/>
                      <a:gd name="connsiteX1" fmla="*/ 292786 w 1085850"/>
                      <a:gd name="connsiteY1" fmla="*/ 0 h 961592"/>
                      <a:gd name="connsiteX2" fmla="*/ 793064 w 1085850"/>
                      <a:gd name="connsiteY2" fmla="*/ 0 h 961592"/>
                      <a:gd name="connsiteX3" fmla="*/ 1085850 w 1085850"/>
                      <a:gd name="connsiteY3" fmla="*/ 961592 h 961592"/>
                      <a:gd name="connsiteX4" fmla="*/ 0 w 1085850"/>
                      <a:gd name="connsiteY4" fmla="*/ 961592 h 96159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1085850" h="961592">
                        <a:moveTo>
                          <a:pt x="0" y="961592"/>
                        </a:moveTo>
                        <a:cubicBezTo>
                          <a:pt x="40445" y="617248"/>
                          <a:pt x="133279" y="320531"/>
                          <a:pt x="292786" y="0"/>
                        </a:cubicBezTo>
                        <a:lnTo>
                          <a:pt x="793064" y="0"/>
                        </a:lnTo>
                        <a:cubicBezTo>
                          <a:pt x="952571" y="306244"/>
                          <a:pt x="1021592" y="641061"/>
                          <a:pt x="1085850" y="961592"/>
                        </a:cubicBezTo>
                        <a:lnTo>
                          <a:pt x="0" y="961592"/>
                        </a:lnTo>
                        <a:close/>
                      </a:path>
                    </a:pathLst>
                  </a:custGeom>
                  <a:solidFill>
                    <a:schemeClr val="bg2">
                      <a:lumMod val="25000"/>
                    </a:schemeClr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</p:grpSp>
            <p:grpSp>
              <p:nvGrpSpPr>
                <p:cNvPr id="319" name="그룹 318"/>
                <p:cNvGrpSpPr/>
                <p:nvPr/>
              </p:nvGrpSpPr>
              <p:grpSpPr>
                <a:xfrm>
                  <a:off x="3340498" y="-274668"/>
                  <a:ext cx="271462" cy="251043"/>
                  <a:chOff x="6037971" y="280246"/>
                  <a:chExt cx="271463" cy="251044"/>
                </a:xfrm>
              </p:grpSpPr>
              <p:sp>
                <p:nvSpPr>
                  <p:cNvPr id="327" name="이등변 삼각형 326"/>
                  <p:cNvSpPr/>
                  <p:nvPr/>
                </p:nvSpPr>
                <p:spPr>
                  <a:xfrm rot="10800000">
                    <a:off x="6037971" y="280623"/>
                    <a:ext cx="271463" cy="250667"/>
                  </a:xfrm>
                  <a:prstGeom prst="triangle">
                    <a:avLst/>
                  </a:prstGeom>
                  <a:solidFill>
                    <a:schemeClr val="tx1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/>
                  </a:p>
                </p:txBody>
              </p:sp>
              <p:sp>
                <p:nvSpPr>
                  <p:cNvPr id="328" name="이등변 삼각형 327"/>
                  <p:cNvSpPr/>
                  <p:nvPr/>
                </p:nvSpPr>
                <p:spPr>
                  <a:xfrm rot="10800000">
                    <a:off x="6056972" y="280246"/>
                    <a:ext cx="233460" cy="215575"/>
                  </a:xfrm>
                  <a:prstGeom prst="triangle">
                    <a:avLst/>
                  </a:prstGeom>
                  <a:solidFill>
                    <a:srgbClr val="FFFFFF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/>
                  </a:p>
                </p:txBody>
              </p:sp>
            </p:grpSp>
            <p:grpSp>
              <p:nvGrpSpPr>
                <p:cNvPr id="320" name="그룹 319"/>
                <p:cNvGrpSpPr/>
                <p:nvPr/>
              </p:nvGrpSpPr>
              <p:grpSpPr>
                <a:xfrm>
                  <a:off x="3308506" y="-314880"/>
                  <a:ext cx="335454" cy="124755"/>
                  <a:chOff x="6010424" y="240034"/>
                  <a:chExt cx="335455" cy="124755"/>
                </a:xfrm>
              </p:grpSpPr>
              <p:grpSp>
                <p:nvGrpSpPr>
                  <p:cNvPr id="321" name="그룹 320"/>
                  <p:cNvGrpSpPr/>
                  <p:nvPr/>
                </p:nvGrpSpPr>
                <p:grpSpPr>
                  <a:xfrm rot="15300000">
                    <a:off x="6034538" y="215920"/>
                    <a:ext cx="124755" cy="172984"/>
                    <a:chOff x="4785383" y="540544"/>
                    <a:chExt cx="308246" cy="275378"/>
                  </a:xfrm>
                </p:grpSpPr>
                <p:sp>
                  <p:nvSpPr>
                    <p:cNvPr id="325" name="이등변 삼각형 324"/>
                    <p:cNvSpPr/>
                    <p:nvPr/>
                  </p:nvSpPr>
                  <p:spPr>
                    <a:xfrm rot="10800000">
                      <a:off x="4785383" y="540544"/>
                      <a:ext cx="308246" cy="275378"/>
                    </a:xfrm>
                    <a:prstGeom prst="triangl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26" name="이등변 삼각형 325"/>
                    <p:cNvSpPr/>
                    <p:nvPr/>
                  </p:nvSpPr>
                  <p:spPr>
                    <a:xfrm rot="10800000">
                      <a:off x="4822776" y="558493"/>
                      <a:ext cx="233460" cy="215575"/>
                    </a:xfrm>
                    <a:prstGeom prst="triangle">
                      <a:avLst/>
                    </a:prstGeom>
                    <a:solidFill>
                      <a:srgbClr val="FFFFFF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  <p:grpSp>
                <p:nvGrpSpPr>
                  <p:cNvPr id="322" name="그룹 321"/>
                  <p:cNvGrpSpPr/>
                  <p:nvPr/>
                </p:nvGrpSpPr>
                <p:grpSpPr>
                  <a:xfrm rot="6300000">
                    <a:off x="6197009" y="215920"/>
                    <a:ext cx="124755" cy="172984"/>
                    <a:chOff x="4785383" y="540544"/>
                    <a:chExt cx="308246" cy="275378"/>
                  </a:xfrm>
                </p:grpSpPr>
                <p:sp>
                  <p:nvSpPr>
                    <p:cNvPr id="323" name="이등변 삼각형 322"/>
                    <p:cNvSpPr/>
                    <p:nvPr/>
                  </p:nvSpPr>
                  <p:spPr>
                    <a:xfrm rot="10800000">
                      <a:off x="4785383" y="540544"/>
                      <a:ext cx="308246" cy="275378"/>
                    </a:xfrm>
                    <a:prstGeom prst="triangl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  <p:sp>
                  <p:nvSpPr>
                    <p:cNvPr id="324" name="이등변 삼각형 323"/>
                    <p:cNvSpPr/>
                    <p:nvPr/>
                  </p:nvSpPr>
                  <p:spPr>
                    <a:xfrm rot="10800000">
                      <a:off x="4822776" y="558493"/>
                      <a:ext cx="233460" cy="215575"/>
                    </a:xfrm>
                    <a:prstGeom prst="triangle">
                      <a:avLst/>
                    </a:prstGeom>
                    <a:solidFill>
                      <a:srgbClr val="FFFFFF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/>
                    </a:p>
                  </p:txBody>
                </p:sp>
              </p:grpSp>
            </p:grpSp>
          </p:grpSp>
        </p:grpSp>
        <p:pic>
          <p:nvPicPr>
            <p:cNvPr id="315" name="그림 314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328100" y="-1083356"/>
              <a:ext cx="1498986" cy="1332833"/>
            </a:xfrm>
            <a:prstGeom prst="rect">
              <a:avLst/>
            </a:prstGeom>
          </p:spPr>
        </p:pic>
      </p:grpSp>
      <p:sp>
        <p:nvSpPr>
          <p:cNvPr id="349" name="직사각형 348"/>
          <p:cNvSpPr/>
          <p:nvPr/>
        </p:nvSpPr>
        <p:spPr>
          <a:xfrm>
            <a:off x="463614" y="3665951"/>
            <a:ext cx="11466093" cy="2972618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94" name="그룹 193"/>
          <p:cNvGrpSpPr/>
          <p:nvPr/>
        </p:nvGrpSpPr>
        <p:grpSpPr>
          <a:xfrm rot="1800000">
            <a:off x="9200122" y="1775124"/>
            <a:ext cx="2152549" cy="3136248"/>
            <a:chOff x="5728117" y="1253438"/>
            <a:chExt cx="1776002" cy="2587622"/>
          </a:xfrm>
        </p:grpSpPr>
        <p:grpSp>
          <p:nvGrpSpPr>
            <p:cNvPr id="195" name="그룹 194"/>
            <p:cNvGrpSpPr/>
            <p:nvPr/>
          </p:nvGrpSpPr>
          <p:grpSpPr>
            <a:xfrm rot="12600000">
              <a:off x="6077356" y="1253438"/>
              <a:ext cx="764347" cy="2587622"/>
              <a:chOff x="1198521" y="2481672"/>
              <a:chExt cx="632111" cy="2139950"/>
            </a:xfrm>
            <a:solidFill>
              <a:schemeClr val="tx1"/>
            </a:solidFill>
          </p:grpSpPr>
          <p:sp>
            <p:nvSpPr>
              <p:cNvPr id="199" name="이등변 삼각형 212"/>
              <p:cNvSpPr/>
              <p:nvPr/>
            </p:nvSpPr>
            <p:spPr>
              <a:xfrm>
                <a:off x="1504647" y="248167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  <p:sp>
            <p:nvSpPr>
              <p:cNvPr id="200" name="이등변 삼각형 212"/>
              <p:cNvSpPr/>
              <p:nvPr/>
            </p:nvSpPr>
            <p:spPr>
              <a:xfrm flipH="1">
                <a:off x="1198521" y="248167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</p:grpSp>
        <p:grpSp>
          <p:nvGrpSpPr>
            <p:cNvPr id="196" name="그룹 195"/>
            <p:cNvGrpSpPr/>
            <p:nvPr/>
          </p:nvGrpSpPr>
          <p:grpSpPr>
            <a:xfrm rot="3600000">
              <a:off x="6387207" y="1369168"/>
              <a:ext cx="457822" cy="1776002"/>
              <a:chOff x="4550170" y="2380968"/>
              <a:chExt cx="591098" cy="2293014"/>
            </a:xfrm>
          </p:grpSpPr>
          <p:sp>
            <p:nvSpPr>
              <p:cNvPr id="197" name="이등변 삼각형 212"/>
              <p:cNvSpPr/>
              <p:nvPr/>
            </p:nvSpPr>
            <p:spPr>
              <a:xfrm rot="9000000">
                <a:off x="4550170" y="253403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solidFill>
                <a:srgbClr val="8F45C7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  <p:sp>
            <p:nvSpPr>
              <p:cNvPr id="198" name="이등변 삼각형 212"/>
              <p:cNvSpPr/>
              <p:nvPr/>
            </p:nvSpPr>
            <p:spPr>
              <a:xfrm rot="9000000" flipH="1">
                <a:off x="4815283" y="2380968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solidFill>
                <a:srgbClr val="8F45C7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</p:grpSp>
      </p:grpSp>
      <p:grpSp>
        <p:nvGrpSpPr>
          <p:cNvPr id="201" name="그룹 200"/>
          <p:cNvGrpSpPr/>
          <p:nvPr/>
        </p:nvGrpSpPr>
        <p:grpSpPr>
          <a:xfrm rot="19800000">
            <a:off x="3866668" y="1377692"/>
            <a:ext cx="926404" cy="3136248"/>
            <a:chOff x="5423123" y="1110130"/>
            <a:chExt cx="764347" cy="2587622"/>
          </a:xfrm>
        </p:grpSpPr>
        <p:grpSp>
          <p:nvGrpSpPr>
            <p:cNvPr id="202" name="그룹 201"/>
            <p:cNvGrpSpPr/>
            <p:nvPr/>
          </p:nvGrpSpPr>
          <p:grpSpPr>
            <a:xfrm rot="10800000">
              <a:off x="5423123" y="1110130"/>
              <a:ext cx="764347" cy="2587622"/>
              <a:chOff x="1198521" y="2481672"/>
              <a:chExt cx="632111" cy="2139950"/>
            </a:xfrm>
            <a:solidFill>
              <a:schemeClr val="tx1"/>
            </a:solidFill>
          </p:grpSpPr>
          <p:sp>
            <p:nvSpPr>
              <p:cNvPr id="206" name="이등변 삼각형 212"/>
              <p:cNvSpPr/>
              <p:nvPr/>
            </p:nvSpPr>
            <p:spPr>
              <a:xfrm>
                <a:off x="1504647" y="248167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  <p:sp>
            <p:nvSpPr>
              <p:cNvPr id="207" name="이등변 삼각형 212"/>
              <p:cNvSpPr/>
              <p:nvPr/>
            </p:nvSpPr>
            <p:spPr>
              <a:xfrm flipH="1">
                <a:off x="1198521" y="248167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</p:grpSp>
        <p:grpSp>
          <p:nvGrpSpPr>
            <p:cNvPr id="203" name="그룹 202"/>
            <p:cNvGrpSpPr/>
            <p:nvPr/>
          </p:nvGrpSpPr>
          <p:grpSpPr>
            <a:xfrm rot="1800000">
              <a:off x="5581091" y="1244526"/>
              <a:ext cx="457820" cy="1776001"/>
              <a:chOff x="4550170" y="2380969"/>
              <a:chExt cx="591097" cy="2293013"/>
            </a:xfrm>
          </p:grpSpPr>
          <p:sp>
            <p:nvSpPr>
              <p:cNvPr id="204" name="이등변 삼각형 212"/>
              <p:cNvSpPr/>
              <p:nvPr/>
            </p:nvSpPr>
            <p:spPr>
              <a:xfrm rot="9000000">
                <a:off x="4550170" y="253403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solidFill>
                <a:srgbClr val="FFEF1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  <p:sp>
            <p:nvSpPr>
              <p:cNvPr id="205" name="이등변 삼각형 212"/>
              <p:cNvSpPr/>
              <p:nvPr/>
            </p:nvSpPr>
            <p:spPr>
              <a:xfrm rot="9000000" flipH="1">
                <a:off x="4815282" y="2380969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solidFill>
                <a:srgbClr val="FFEF1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</p:grpSp>
      </p:grpSp>
      <p:grpSp>
        <p:nvGrpSpPr>
          <p:cNvPr id="208" name="그룹 207"/>
          <p:cNvGrpSpPr/>
          <p:nvPr/>
        </p:nvGrpSpPr>
        <p:grpSpPr>
          <a:xfrm rot="20700000">
            <a:off x="6052076" y="1515197"/>
            <a:ext cx="2152549" cy="3136248"/>
            <a:chOff x="5728117" y="1253438"/>
            <a:chExt cx="1776002" cy="2587622"/>
          </a:xfrm>
        </p:grpSpPr>
        <p:grpSp>
          <p:nvGrpSpPr>
            <p:cNvPr id="209" name="그룹 208"/>
            <p:cNvGrpSpPr/>
            <p:nvPr/>
          </p:nvGrpSpPr>
          <p:grpSpPr>
            <a:xfrm rot="12600000">
              <a:off x="6077356" y="1253438"/>
              <a:ext cx="764347" cy="2587622"/>
              <a:chOff x="1198521" y="2481672"/>
              <a:chExt cx="632111" cy="2139950"/>
            </a:xfrm>
            <a:solidFill>
              <a:schemeClr val="tx1"/>
            </a:solidFill>
          </p:grpSpPr>
          <p:sp>
            <p:nvSpPr>
              <p:cNvPr id="213" name="이등변 삼각형 212"/>
              <p:cNvSpPr/>
              <p:nvPr/>
            </p:nvSpPr>
            <p:spPr>
              <a:xfrm>
                <a:off x="1504647" y="248167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  <p:sp>
            <p:nvSpPr>
              <p:cNvPr id="214" name="이등변 삼각형 212"/>
              <p:cNvSpPr/>
              <p:nvPr/>
            </p:nvSpPr>
            <p:spPr>
              <a:xfrm flipH="1">
                <a:off x="1198521" y="248167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</p:grpSp>
        <p:grpSp>
          <p:nvGrpSpPr>
            <p:cNvPr id="210" name="그룹 209"/>
            <p:cNvGrpSpPr/>
            <p:nvPr/>
          </p:nvGrpSpPr>
          <p:grpSpPr>
            <a:xfrm rot="3600000">
              <a:off x="6387207" y="1369168"/>
              <a:ext cx="457822" cy="1776002"/>
              <a:chOff x="4550170" y="2380968"/>
              <a:chExt cx="591098" cy="2293014"/>
            </a:xfrm>
          </p:grpSpPr>
          <p:sp>
            <p:nvSpPr>
              <p:cNvPr id="211" name="이등변 삼각형 212"/>
              <p:cNvSpPr/>
              <p:nvPr/>
            </p:nvSpPr>
            <p:spPr>
              <a:xfrm rot="9000000">
                <a:off x="4550170" y="253403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solidFill>
                <a:srgbClr val="0665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  <p:sp>
            <p:nvSpPr>
              <p:cNvPr id="212" name="이등변 삼각형 212"/>
              <p:cNvSpPr/>
              <p:nvPr/>
            </p:nvSpPr>
            <p:spPr>
              <a:xfrm rot="9000000" flipH="1">
                <a:off x="4815283" y="2380968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solidFill>
                <a:srgbClr val="0665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</p:grpSp>
      </p:grpSp>
      <p:grpSp>
        <p:nvGrpSpPr>
          <p:cNvPr id="215" name="그룹 214"/>
          <p:cNvGrpSpPr/>
          <p:nvPr/>
        </p:nvGrpSpPr>
        <p:grpSpPr>
          <a:xfrm rot="19800000">
            <a:off x="1579976" y="2177021"/>
            <a:ext cx="937200" cy="3136248"/>
            <a:chOff x="4769996" y="1272130"/>
            <a:chExt cx="773255" cy="2587622"/>
          </a:xfrm>
        </p:grpSpPr>
        <p:grpSp>
          <p:nvGrpSpPr>
            <p:cNvPr id="216" name="그룹 215"/>
            <p:cNvGrpSpPr/>
            <p:nvPr/>
          </p:nvGrpSpPr>
          <p:grpSpPr>
            <a:xfrm rot="9000000">
              <a:off x="4778904" y="1272130"/>
              <a:ext cx="764347" cy="2587622"/>
              <a:chOff x="1198521" y="2481672"/>
              <a:chExt cx="632111" cy="2139950"/>
            </a:xfrm>
            <a:solidFill>
              <a:schemeClr val="tx1"/>
            </a:solidFill>
          </p:grpSpPr>
          <p:sp>
            <p:nvSpPr>
              <p:cNvPr id="220" name="이등변 삼각형 212"/>
              <p:cNvSpPr/>
              <p:nvPr/>
            </p:nvSpPr>
            <p:spPr>
              <a:xfrm>
                <a:off x="1504647" y="248167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  <p:sp>
            <p:nvSpPr>
              <p:cNvPr id="221" name="이등변 삼각형 212"/>
              <p:cNvSpPr/>
              <p:nvPr/>
            </p:nvSpPr>
            <p:spPr>
              <a:xfrm flipH="1">
                <a:off x="1198521" y="248167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</p:grpSp>
        <p:grpSp>
          <p:nvGrpSpPr>
            <p:cNvPr id="217" name="그룹 216"/>
            <p:cNvGrpSpPr/>
            <p:nvPr/>
          </p:nvGrpSpPr>
          <p:grpSpPr>
            <a:xfrm>
              <a:off x="4769996" y="1387172"/>
              <a:ext cx="457820" cy="1776001"/>
              <a:chOff x="4550170" y="2380969"/>
              <a:chExt cx="591097" cy="2293013"/>
            </a:xfrm>
          </p:grpSpPr>
          <p:sp>
            <p:nvSpPr>
              <p:cNvPr id="218" name="이등변 삼각형 212"/>
              <p:cNvSpPr/>
              <p:nvPr/>
            </p:nvSpPr>
            <p:spPr>
              <a:xfrm rot="9000000">
                <a:off x="4550170" y="2534032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solidFill>
                <a:srgbClr val="E3312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  <p:sp>
            <p:nvSpPr>
              <p:cNvPr id="219" name="이등변 삼각형 212"/>
              <p:cNvSpPr/>
              <p:nvPr/>
            </p:nvSpPr>
            <p:spPr>
              <a:xfrm rot="9000000" flipH="1">
                <a:off x="4815282" y="2380969"/>
                <a:ext cx="325985" cy="2139950"/>
              </a:xfrm>
              <a:custGeom>
                <a:avLst/>
                <a:gdLst>
                  <a:gd name="connsiteX0" fmla="*/ 0 w 628650"/>
                  <a:gd name="connsiteY0" fmla="*/ 1879600 h 1879600"/>
                  <a:gd name="connsiteX1" fmla="*/ 314325 w 628650"/>
                  <a:gd name="connsiteY1" fmla="*/ 0 h 1879600"/>
                  <a:gd name="connsiteX2" fmla="*/ 628650 w 628650"/>
                  <a:gd name="connsiteY2" fmla="*/ 1879600 h 1879600"/>
                  <a:gd name="connsiteX3" fmla="*/ 0 w 628650"/>
                  <a:gd name="connsiteY3" fmla="*/ 1879600 h 1879600"/>
                  <a:gd name="connsiteX0" fmla="*/ 0 w 628650"/>
                  <a:gd name="connsiteY0" fmla="*/ 1879600 h 2139950"/>
                  <a:gd name="connsiteX1" fmla="*/ 314325 w 628650"/>
                  <a:gd name="connsiteY1" fmla="*/ 0 h 2139950"/>
                  <a:gd name="connsiteX2" fmla="*/ 628650 w 628650"/>
                  <a:gd name="connsiteY2" fmla="*/ 1879600 h 2139950"/>
                  <a:gd name="connsiteX3" fmla="*/ 304800 w 628650"/>
                  <a:gd name="connsiteY3" fmla="*/ 2139950 h 2139950"/>
                  <a:gd name="connsiteX4" fmla="*/ 0 w 628650"/>
                  <a:gd name="connsiteY4" fmla="*/ 1879600 h 2139950"/>
                  <a:gd name="connsiteX0" fmla="*/ 0 w 630785"/>
                  <a:gd name="connsiteY0" fmla="*/ 1879600 h 2139950"/>
                  <a:gd name="connsiteX1" fmla="*/ 314325 w 630785"/>
                  <a:gd name="connsiteY1" fmla="*/ 0 h 2139950"/>
                  <a:gd name="connsiteX2" fmla="*/ 628650 w 630785"/>
                  <a:gd name="connsiteY2" fmla="*/ 1879600 h 2139950"/>
                  <a:gd name="connsiteX3" fmla="*/ 304800 w 630785"/>
                  <a:gd name="connsiteY3" fmla="*/ 2139950 h 2139950"/>
                  <a:gd name="connsiteX4" fmla="*/ 0 w 630785"/>
                  <a:gd name="connsiteY4" fmla="*/ 1879600 h 2139950"/>
                  <a:gd name="connsiteX0" fmla="*/ 0 w 325985"/>
                  <a:gd name="connsiteY0" fmla="*/ 2139950 h 2139950"/>
                  <a:gd name="connsiteX1" fmla="*/ 9525 w 325985"/>
                  <a:gd name="connsiteY1" fmla="*/ 0 h 2139950"/>
                  <a:gd name="connsiteX2" fmla="*/ 323850 w 325985"/>
                  <a:gd name="connsiteY2" fmla="*/ 1879600 h 2139950"/>
                  <a:gd name="connsiteX3" fmla="*/ 0 w 325985"/>
                  <a:gd name="connsiteY3" fmla="*/ 2139950 h 21399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985" h="2139950">
                    <a:moveTo>
                      <a:pt x="0" y="2139950"/>
                    </a:moveTo>
                    <a:lnTo>
                      <a:pt x="9525" y="0"/>
                    </a:lnTo>
                    <a:lnTo>
                      <a:pt x="323850" y="1879600"/>
                    </a:lnTo>
                    <a:cubicBezTo>
                      <a:pt x="351367" y="2120900"/>
                      <a:pt x="105833" y="2139950"/>
                      <a:pt x="0" y="2139950"/>
                    </a:cubicBezTo>
                    <a:close/>
                  </a:path>
                </a:pathLst>
              </a:custGeom>
              <a:solidFill>
                <a:srgbClr val="E3312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</p:grpSp>
      </p:grpSp>
      <p:sp>
        <p:nvSpPr>
          <p:cNvPr id="13" name="타원 12"/>
          <p:cNvSpPr/>
          <p:nvPr/>
        </p:nvSpPr>
        <p:spPr>
          <a:xfrm>
            <a:off x="5963609" y="2701599"/>
            <a:ext cx="2198070" cy="2198070"/>
          </a:xfrm>
          <a:prstGeom prst="ellipse">
            <a:avLst/>
          </a:prstGeom>
          <a:solidFill>
            <a:srgbClr val="25437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타원 13"/>
          <p:cNvSpPr/>
          <p:nvPr/>
        </p:nvSpPr>
        <p:spPr>
          <a:xfrm>
            <a:off x="4381192" y="2835289"/>
            <a:ext cx="2198070" cy="2198070"/>
          </a:xfrm>
          <a:prstGeom prst="ellipse">
            <a:avLst/>
          </a:prstGeom>
          <a:solidFill>
            <a:srgbClr val="456A2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타원 14"/>
          <p:cNvSpPr/>
          <p:nvPr/>
        </p:nvSpPr>
        <p:spPr>
          <a:xfrm>
            <a:off x="991732" y="2835289"/>
            <a:ext cx="2198070" cy="2198070"/>
          </a:xfrm>
          <a:prstGeom prst="ellipse">
            <a:avLst/>
          </a:prstGeom>
          <a:solidFill>
            <a:srgbClr val="8E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6" name="타원 15"/>
          <p:cNvSpPr/>
          <p:nvPr/>
        </p:nvSpPr>
        <p:spPr>
          <a:xfrm>
            <a:off x="2016882" y="3278597"/>
            <a:ext cx="2198070" cy="2198070"/>
          </a:xfrm>
          <a:prstGeom prst="ellipse">
            <a:avLst/>
          </a:prstGeom>
          <a:solidFill>
            <a:srgbClr val="D762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타원 16"/>
          <p:cNvSpPr/>
          <p:nvPr/>
        </p:nvSpPr>
        <p:spPr>
          <a:xfrm>
            <a:off x="3282157" y="2244212"/>
            <a:ext cx="2198070" cy="2198070"/>
          </a:xfrm>
          <a:prstGeom prst="ellipse">
            <a:avLst/>
          </a:prstGeom>
          <a:solidFill>
            <a:srgbClr val="D2C3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" name="타원 24"/>
          <p:cNvSpPr/>
          <p:nvPr/>
        </p:nvSpPr>
        <p:spPr>
          <a:xfrm>
            <a:off x="7387638" y="1901276"/>
            <a:ext cx="2198070" cy="2198070"/>
          </a:xfrm>
          <a:prstGeom prst="ellipse">
            <a:avLst/>
          </a:prstGeom>
          <a:solidFill>
            <a:srgbClr val="121F3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" name="타원 25"/>
          <p:cNvSpPr/>
          <p:nvPr/>
        </p:nvSpPr>
        <p:spPr>
          <a:xfrm>
            <a:off x="8826460" y="2454392"/>
            <a:ext cx="2198069" cy="2198070"/>
          </a:xfrm>
          <a:prstGeom prst="ellipse">
            <a:avLst/>
          </a:prstGeom>
          <a:solidFill>
            <a:srgbClr val="55257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" name="직사각형 21"/>
          <p:cNvSpPr/>
          <p:nvPr/>
        </p:nvSpPr>
        <p:spPr>
          <a:xfrm rot="900000">
            <a:off x="1470281" y="3266658"/>
            <a:ext cx="973225" cy="121583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8800" dirty="0">
              <a:solidFill>
                <a:srgbClr val="C00000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77" name="타원 176"/>
          <p:cNvSpPr/>
          <p:nvPr/>
        </p:nvSpPr>
        <p:spPr>
          <a:xfrm>
            <a:off x="1129896" y="2973453"/>
            <a:ext cx="1921741" cy="1921741"/>
          </a:xfrm>
          <a:prstGeom prst="ellipse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0" name="타원 179"/>
          <p:cNvSpPr/>
          <p:nvPr/>
        </p:nvSpPr>
        <p:spPr>
          <a:xfrm>
            <a:off x="2155045" y="3416762"/>
            <a:ext cx="1921741" cy="1921741"/>
          </a:xfrm>
          <a:prstGeom prst="ellipse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1" name="타원 180"/>
          <p:cNvSpPr/>
          <p:nvPr/>
        </p:nvSpPr>
        <p:spPr>
          <a:xfrm>
            <a:off x="3420322" y="2386809"/>
            <a:ext cx="1921741" cy="1921741"/>
          </a:xfrm>
          <a:prstGeom prst="ellipse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2" name="타원 181"/>
          <p:cNvSpPr/>
          <p:nvPr/>
        </p:nvSpPr>
        <p:spPr>
          <a:xfrm>
            <a:off x="4519356" y="2977887"/>
            <a:ext cx="1921741" cy="1921741"/>
          </a:xfrm>
          <a:prstGeom prst="ellipse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4" name="직사각형 183"/>
          <p:cNvSpPr/>
          <p:nvPr/>
        </p:nvSpPr>
        <p:spPr>
          <a:xfrm rot="900000">
            <a:off x="1470281" y="3266658"/>
            <a:ext cx="973225" cy="121583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9600" dirty="0">
                <a:solidFill>
                  <a:srgbClr val="C00000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리</a:t>
            </a:r>
            <a:endParaRPr lang="ko-KR" altLang="en-US" sz="8800" dirty="0">
              <a:solidFill>
                <a:srgbClr val="C00000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5" name="직사각형 184"/>
          <p:cNvSpPr/>
          <p:nvPr/>
        </p:nvSpPr>
        <p:spPr>
          <a:xfrm>
            <a:off x="2652041" y="3800009"/>
            <a:ext cx="973225" cy="121583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9600" dirty="0" err="1" smtClean="0">
                <a:solidFill>
                  <a:schemeClr val="accent2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듬</a:t>
            </a:r>
            <a:endParaRPr lang="ko-KR" altLang="en-US" sz="8800" dirty="0">
              <a:solidFill>
                <a:schemeClr val="accent2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6" name="직사각형 185"/>
          <p:cNvSpPr/>
          <p:nvPr/>
        </p:nvSpPr>
        <p:spPr>
          <a:xfrm rot="20700000">
            <a:off x="3900405" y="2739764"/>
            <a:ext cx="973225" cy="121583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9600" dirty="0">
                <a:solidFill>
                  <a:srgbClr val="DECE00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세</a:t>
            </a:r>
            <a:endParaRPr lang="ko-KR" altLang="en-US" sz="8800" dirty="0">
              <a:solidFill>
                <a:srgbClr val="DECE00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7" name="타원 186"/>
          <p:cNvSpPr/>
          <p:nvPr/>
        </p:nvSpPr>
        <p:spPr>
          <a:xfrm>
            <a:off x="7525803" y="2039440"/>
            <a:ext cx="1921741" cy="1921741"/>
          </a:xfrm>
          <a:prstGeom prst="ellipse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8" name="타원 187"/>
          <p:cNvSpPr/>
          <p:nvPr/>
        </p:nvSpPr>
        <p:spPr>
          <a:xfrm>
            <a:off x="8964624" y="2592556"/>
            <a:ext cx="1921741" cy="1921741"/>
          </a:xfrm>
          <a:prstGeom prst="ellipse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89" name="타원 188"/>
          <p:cNvSpPr/>
          <p:nvPr/>
        </p:nvSpPr>
        <p:spPr>
          <a:xfrm>
            <a:off x="6101772" y="2839763"/>
            <a:ext cx="1921741" cy="1921741"/>
          </a:xfrm>
          <a:prstGeom prst="ellipse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0" name="직사각형 189"/>
          <p:cNvSpPr/>
          <p:nvPr/>
        </p:nvSpPr>
        <p:spPr>
          <a:xfrm rot="20700000">
            <a:off x="6534636" y="3239270"/>
            <a:ext cx="973225" cy="121583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9600" dirty="0">
                <a:solidFill>
                  <a:schemeClr val="accent5">
                    <a:lumMod val="75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애</a:t>
            </a:r>
            <a:endParaRPr lang="ko-KR" altLang="en-US" sz="8800" dirty="0">
              <a:solidFill>
                <a:schemeClr val="accent5">
                  <a:lumMod val="75000"/>
                </a:schemeClr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91" name="직사각형 190"/>
          <p:cNvSpPr/>
          <p:nvPr/>
        </p:nvSpPr>
        <p:spPr>
          <a:xfrm>
            <a:off x="7939578" y="2450116"/>
            <a:ext cx="973225" cy="121583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9600" dirty="0" err="1" smtClean="0">
                <a:solidFill>
                  <a:schemeClr val="accent5">
                    <a:lumMod val="5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니</a:t>
            </a:r>
            <a:endParaRPr lang="ko-KR" altLang="en-US" sz="8800" dirty="0">
              <a:solidFill>
                <a:schemeClr val="accent5">
                  <a:lumMod val="50000"/>
                </a:schemeClr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92" name="직사각형 191"/>
          <p:cNvSpPr/>
          <p:nvPr/>
        </p:nvSpPr>
        <p:spPr>
          <a:xfrm rot="900000">
            <a:off x="9374706" y="2945574"/>
            <a:ext cx="973225" cy="121583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9600" dirty="0" smtClean="0">
                <a:solidFill>
                  <a:srgbClr val="7030A0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원</a:t>
            </a:r>
            <a:endParaRPr lang="ko-KR" altLang="en-US" sz="8800" dirty="0">
              <a:solidFill>
                <a:srgbClr val="7030A0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93" name="직사각형 192"/>
          <p:cNvSpPr/>
          <p:nvPr/>
        </p:nvSpPr>
        <p:spPr>
          <a:xfrm rot="2700000">
            <a:off x="5053716" y="3395282"/>
            <a:ext cx="973225" cy="121583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9600" dirty="0" smtClean="0">
                <a:solidFill>
                  <a:schemeClr val="accent6">
                    <a:lumMod val="75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상</a:t>
            </a:r>
            <a:endParaRPr lang="ko-KR" altLang="en-US" sz="8800" dirty="0">
              <a:solidFill>
                <a:schemeClr val="accent6">
                  <a:lumMod val="75000"/>
                </a:schemeClr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grpSp>
        <p:nvGrpSpPr>
          <p:cNvPr id="222" name="그룹 221"/>
          <p:cNvGrpSpPr/>
          <p:nvPr/>
        </p:nvGrpSpPr>
        <p:grpSpPr>
          <a:xfrm>
            <a:off x="5998019" y="4310104"/>
            <a:ext cx="762605" cy="847071"/>
            <a:chOff x="5603677" y="1378968"/>
            <a:chExt cx="903120" cy="1003148"/>
          </a:xfrm>
        </p:grpSpPr>
        <p:grpSp>
          <p:nvGrpSpPr>
            <p:cNvPr id="223" name="그룹 222"/>
            <p:cNvGrpSpPr/>
            <p:nvPr/>
          </p:nvGrpSpPr>
          <p:grpSpPr>
            <a:xfrm>
              <a:off x="5603677" y="1447208"/>
              <a:ext cx="903120" cy="903120"/>
              <a:chOff x="5231808" y="966618"/>
              <a:chExt cx="1665200" cy="1665200"/>
            </a:xfrm>
          </p:grpSpPr>
          <p:sp>
            <p:nvSpPr>
              <p:cNvPr id="225" name="타원 224"/>
              <p:cNvSpPr/>
              <p:nvPr/>
            </p:nvSpPr>
            <p:spPr>
              <a:xfrm>
                <a:off x="5231808" y="966618"/>
                <a:ext cx="1665200" cy="1665200"/>
              </a:xfrm>
              <a:prstGeom prst="ellipse">
                <a:avLst/>
              </a:prstGeom>
              <a:solidFill>
                <a:schemeClr val="tx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26" name="타원 225"/>
              <p:cNvSpPr/>
              <p:nvPr/>
            </p:nvSpPr>
            <p:spPr>
              <a:xfrm>
                <a:off x="5421254" y="1175725"/>
                <a:ext cx="1263641" cy="1263641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224" name="직사각형 223"/>
            <p:cNvSpPr/>
            <p:nvPr/>
          </p:nvSpPr>
          <p:spPr>
            <a:xfrm>
              <a:off x="5681206" y="1378968"/>
              <a:ext cx="802978" cy="100314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28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in</a:t>
              </a:r>
              <a:endParaRPr lang="ko-KR" altLang="en-US" sz="24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sp>
        <p:nvSpPr>
          <p:cNvPr id="350" name="직사각형 349"/>
          <p:cNvSpPr/>
          <p:nvPr/>
        </p:nvSpPr>
        <p:spPr>
          <a:xfrm>
            <a:off x="262296" y="6642026"/>
            <a:ext cx="11466093" cy="225676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4890333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3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7" dur="1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6" presetClass="entr" presetSubtype="3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10" dur="1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6" presetClass="entr" presetSubtype="3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13" dur="1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6" presetClass="entr" presetSubtype="3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16" dur="1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6" presetClass="entr" presetSubtype="3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19" dur="1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6" presetClass="entr" presetSubtype="3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22" dur="1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6" presetClass="entr" presetSubtype="32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25" dur="1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400"/>
                            </p:stCondLst>
                            <p:childTnLst>
                              <p:par>
                                <p:cTn id="27" presetID="31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9" dur="100" fill="hold"/>
                                        <p:tgtEl>
                                          <p:spTgt spid="18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" fill="hold"/>
                                        <p:tgtEl>
                                          <p:spTgt spid="18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100" fill="hold"/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100"/>
                                        <p:tgtEl>
                                          <p:spTgt spid="1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100" fill="hold"/>
                                        <p:tgtEl>
                                          <p:spTgt spid="17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100" fill="hold"/>
                                        <p:tgtEl>
                                          <p:spTgt spid="17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" fill="hold"/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100"/>
                                        <p:tgtEl>
                                          <p:spTgt spid="1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750"/>
                            </p:stCondLst>
                            <p:childTnLst>
                              <p:par>
                                <p:cTn id="40" presetID="6" presetClass="entr" presetSubtype="3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42" dur="100"/>
                                        <p:tgtEl>
                                          <p:spTgt spid="1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6" presetClass="entr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45" dur="100"/>
                                        <p:tgtEl>
                                          <p:spTgt spid="1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850"/>
                            </p:stCondLst>
                            <p:childTnLst>
                              <p:par>
                                <p:cTn id="47" presetID="6" presetClass="entr" presetSubtype="3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49" dur="100"/>
                                        <p:tgtEl>
                                          <p:spTgt spid="1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6" presetClass="entr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52" dur="250"/>
                                        <p:tgtEl>
                                          <p:spTgt spid="1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1100"/>
                            </p:stCondLst>
                            <p:childTnLst>
                              <p:par>
                                <p:cTn id="54" presetID="6" presetClass="entr" presetSubtype="3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56" dur="100"/>
                                        <p:tgtEl>
                                          <p:spTgt spid="1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6" presetClass="entr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59" dur="100"/>
                                        <p:tgtEl>
                                          <p:spTgt spid="1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6" presetClass="entr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62" dur="150"/>
                                        <p:tgtEl>
                                          <p:spTgt spid="2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1250"/>
                            </p:stCondLst>
                            <p:childTnLst>
                              <p:par>
                                <p:cTn id="64" presetID="6" presetClass="entr" presetSubtype="3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66" dur="100"/>
                                        <p:tgtEl>
                                          <p:spTgt spid="18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6" presetClass="entr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69" dur="100"/>
                                        <p:tgtEl>
                                          <p:spTgt spid="1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1350"/>
                            </p:stCondLst>
                            <p:childTnLst>
                              <p:par>
                                <p:cTn id="71" presetID="6" presetClass="entr" presetSubtype="3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73" dur="100"/>
                                        <p:tgtEl>
                                          <p:spTgt spid="1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6" presetClass="entr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76" dur="250"/>
                                        <p:tgtEl>
                                          <p:spTgt spid="1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1600"/>
                            </p:stCondLst>
                            <p:childTnLst>
                              <p:par>
                                <p:cTn id="78" presetID="6" presetClass="entr" presetSubtype="3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80" dur="100"/>
                                        <p:tgtEl>
                                          <p:spTgt spid="18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6" presetClass="entr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83" dur="100"/>
                                        <p:tgtEl>
                                          <p:spTgt spid="1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1700"/>
                            </p:stCondLst>
                            <p:childTnLst>
                              <p:par>
                                <p:cTn id="8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7" dur="100" fill="hold"/>
                                        <p:tgtEl>
                                          <p:spTgt spid="20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8" dur="100" fill="hold"/>
                                        <p:tgtEl>
                                          <p:spTgt spid="20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9" dur="100"/>
                                        <p:tgtEl>
                                          <p:spTgt spid="2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0" fill="hold">
                            <p:stCondLst>
                              <p:cond delay="1800"/>
                            </p:stCondLst>
                            <p:childTnLst>
                              <p:par>
                                <p:cTn id="9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3" dur="100" fill="hold"/>
                                        <p:tgtEl>
                                          <p:spTgt spid="19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4" dur="100" fill="hold"/>
                                        <p:tgtEl>
                                          <p:spTgt spid="19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5" dur="100"/>
                                        <p:tgtEl>
                                          <p:spTgt spid="1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6" fill="hold">
                            <p:stCondLst>
                              <p:cond delay="1900"/>
                            </p:stCondLst>
                            <p:childTnLst>
                              <p:par>
                                <p:cTn id="97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9" dur="100" fill="hold"/>
                                        <p:tgtEl>
                                          <p:spTgt spid="20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0" dur="100" fill="hold"/>
                                        <p:tgtEl>
                                          <p:spTgt spid="20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1" dur="100"/>
                                        <p:tgtEl>
                                          <p:spTgt spid="2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2" fill="hold">
                            <p:stCondLst>
                              <p:cond delay="2000"/>
                            </p:stCondLst>
                            <p:childTnLst>
                              <p:par>
                                <p:cTn id="103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5" dur="100" fill="hold"/>
                                        <p:tgtEl>
                                          <p:spTgt spid="2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6" dur="100" fill="hold"/>
                                        <p:tgtEl>
                                          <p:spTgt spid="2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7" dur="100"/>
                                        <p:tgtEl>
                                          <p:spTgt spid="2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8" fill="hold">
                            <p:stCondLst>
                              <p:cond delay="2100"/>
                            </p:stCondLst>
                            <p:childTnLst>
                              <p:par>
                                <p:cTn id="109" presetID="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1" dur="500" fill="hold"/>
                                        <p:tgtEl>
                                          <p:spTgt spid="24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12" dur="500" fill="hold"/>
                                        <p:tgtEl>
                                          <p:spTgt spid="24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13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5" dur="500" fill="hold"/>
                                        <p:tgtEl>
                                          <p:spTgt spid="27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16" dur="500" fill="hold"/>
                                        <p:tgtEl>
                                          <p:spTgt spid="27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17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9" dur="500" fill="hold"/>
                                        <p:tgtEl>
                                          <p:spTgt spid="3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0" dur="500" fill="hold"/>
                                        <p:tgtEl>
                                          <p:spTgt spid="3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21" presetID="2" presetClass="entr" presetSubtype="4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3" dur="500" fill="hold"/>
                                        <p:tgtEl>
                                          <p:spTgt spid="35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4" dur="500" fill="hold"/>
                                        <p:tgtEl>
                                          <p:spTgt spid="35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4" grpId="0" animBg="1"/>
      <p:bldP spid="15" grpId="0" animBg="1"/>
      <p:bldP spid="16" grpId="0" animBg="1"/>
      <p:bldP spid="17" grpId="0" animBg="1"/>
      <p:bldP spid="25" grpId="0" animBg="1"/>
      <p:bldP spid="26" grpId="0" animBg="1"/>
      <p:bldP spid="177" grpId="0" animBg="1"/>
      <p:bldP spid="180" grpId="0" animBg="1"/>
      <p:bldP spid="181" grpId="0" animBg="1"/>
      <p:bldP spid="182" grpId="0" animBg="1"/>
      <p:bldP spid="184" grpId="0"/>
      <p:bldP spid="185" grpId="0"/>
      <p:bldP spid="186" grpId="0"/>
      <p:bldP spid="187" grpId="0" animBg="1"/>
      <p:bldP spid="188" grpId="0" animBg="1"/>
      <p:bldP spid="189" grpId="0" animBg="1"/>
      <p:bldP spid="190" grpId="0"/>
      <p:bldP spid="191" grpId="0"/>
      <p:bldP spid="192" grpId="0"/>
      <p:bldP spid="193" grpId="0"/>
    </p:bld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게임방법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grpSp>
        <p:nvGrpSpPr>
          <p:cNvPr id="66" name="그룹 65"/>
          <p:cNvGrpSpPr/>
          <p:nvPr/>
        </p:nvGrpSpPr>
        <p:grpSpPr>
          <a:xfrm>
            <a:off x="4806938" y="1389077"/>
            <a:ext cx="2447925" cy="4999476"/>
            <a:chOff x="2419349" y="744099"/>
            <a:chExt cx="2447925" cy="4999476"/>
          </a:xfrm>
        </p:grpSpPr>
        <p:sp>
          <p:nvSpPr>
            <p:cNvPr id="67" name="모서리가 둥근 직사각형 66"/>
            <p:cNvSpPr/>
            <p:nvPr/>
          </p:nvSpPr>
          <p:spPr>
            <a:xfrm>
              <a:off x="2419349" y="744099"/>
              <a:ext cx="2447925" cy="4999476"/>
            </a:xfrm>
            <a:prstGeom prst="roundRect">
              <a:avLst>
                <a:gd name="adj" fmla="val 12776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8" name="모서리가 둥근 직사각형 67"/>
            <p:cNvSpPr/>
            <p:nvPr/>
          </p:nvSpPr>
          <p:spPr>
            <a:xfrm>
              <a:off x="2526504" y="1312026"/>
              <a:ext cx="2233614" cy="3880288"/>
            </a:xfrm>
            <a:prstGeom prst="roundRect">
              <a:avLst>
                <a:gd name="adj" fmla="val 2755"/>
              </a:avLst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9" name="타원 68"/>
            <p:cNvSpPr/>
            <p:nvPr/>
          </p:nvSpPr>
          <p:spPr>
            <a:xfrm>
              <a:off x="3462336" y="5286969"/>
              <a:ext cx="361950" cy="36195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70" name="그룹 69"/>
            <p:cNvGrpSpPr/>
            <p:nvPr/>
          </p:nvGrpSpPr>
          <p:grpSpPr>
            <a:xfrm>
              <a:off x="3371522" y="989101"/>
              <a:ext cx="543577" cy="77924"/>
              <a:chOff x="5618347" y="1095705"/>
              <a:chExt cx="543577" cy="77924"/>
            </a:xfrm>
          </p:grpSpPr>
          <p:sp>
            <p:nvSpPr>
              <p:cNvPr id="73" name="타원 72"/>
              <p:cNvSpPr/>
              <p:nvPr/>
            </p:nvSpPr>
            <p:spPr>
              <a:xfrm>
                <a:off x="5618347" y="1095705"/>
                <a:ext cx="77924" cy="77924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74" name="모서리가 둥근 직사각형 73"/>
              <p:cNvSpPr/>
              <p:nvPr/>
            </p:nvSpPr>
            <p:spPr>
              <a:xfrm>
                <a:off x="5810298" y="1111808"/>
                <a:ext cx="351626" cy="45719"/>
              </a:xfrm>
              <a:prstGeom prst="roundRect">
                <a:avLst>
                  <a:gd name="adj" fmla="val 50000"/>
                </a:avLst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  <p:pic>
        <p:nvPicPr>
          <p:cNvPr id="4" name="그림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093" y="1948312"/>
            <a:ext cx="2233615" cy="3888979"/>
          </a:xfrm>
          <a:prstGeom prst="rect">
            <a:avLst/>
          </a:prstGeom>
        </p:spPr>
      </p:pic>
      <p:pic>
        <p:nvPicPr>
          <p:cNvPr id="6" name="그림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092" y="1948312"/>
            <a:ext cx="2233615" cy="38889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34604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게임방법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grpSp>
        <p:nvGrpSpPr>
          <p:cNvPr id="66" name="그룹 65"/>
          <p:cNvGrpSpPr/>
          <p:nvPr/>
        </p:nvGrpSpPr>
        <p:grpSpPr>
          <a:xfrm>
            <a:off x="4806938" y="1389077"/>
            <a:ext cx="2447925" cy="4999476"/>
            <a:chOff x="2419349" y="744099"/>
            <a:chExt cx="2447925" cy="4999476"/>
          </a:xfrm>
        </p:grpSpPr>
        <p:sp>
          <p:nvSpPr>
            <p:cNvPr id="67" name="모서리가 둥근 직사각형 66"/>
            <p:cNvSpPr/>
            <p:nvPr/>
          </p:nvSpPr>
          <p:spPr>
            <a:xfrm>
              <a:off x="2419349" y="744099"/>
              <a:ext cx="2447925" cy="4999476"/>
            </a:xfrm>
            <a:prstGeom prst="roundRect">
              <a:avLst>
                <a:gd name="adj" fmla="val 12776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8" name="모서리가 둥근 직사각형 67"/>
            <p:cNvSpPr/>
            <p:nvPr/>
          </p:nvSpPr>
          <p:spPr>
            <a:xfrm>
              <a:off x="2526504" y="1312026"/>
              <a:ext cx="2233614" cy="3880288"/>
            </a:xfrm>
            <a:prstGeom prst="roundRect">
              <a:avLst>
                <a:gd name="adj" fmla="val 2755"/>
              </a:avLst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9" name="타원 68"/>
            <p:cNvSpPr/>
            <p:nvPr/>
          </p:nvSpPr>
          <p:spPr>
            <a:xfrm>
              <a:off x="3462336" y="5286969"/>
              <a:ext cx="361950" cy="36195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70" name="그룹 69"/>
            <p:cNvGrpSpPr/>
            <p:nvPr/>
          </p:nvGrpSpPr>
          <p:grpSpPr>
            <a:xfrm>
              <a:off x="3371522" y="989101"/>
              <a:ext cx="543577" cy="77924"/>
              <a:chOff x="5618347" y="1095705"/>
              <a:chExt cx="543577" cy="77924"/>
            </a:xfrm>
          </p:grpSpPr>
          <p:sp>
            <p:nvSpPr>
              <p:cNvPr id="73" name="타원 72"/>
              <p:cNvSpPr/>
              <p:nvPr/>
            </p:nvSpPr>
            <p:spPr>
              <a:xfrm>
                <a:off x="5618347" y="1095705"/>
                <a:ext cx="77924" cy="77924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74" name="모서리가 둥근 직사각형 73"/>
              <p:cNvSpPr/>
              <p:nvPr/>
            </p:nvSpPr>
            <p:spPr>
              <a:xfrm>
                <a:off x="5810298" y="1111808"/>
                <a:ext cx="351626" cy="45719"/>
              </a:xfrm>
              <a:prstGeom prst="roundRect">
                <a:avLst>
                  <a:gd name="adj" fmla="val 50000"/>
                </a:avLst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  <p:pic>
        <p:nvPicPr>
          <p:cNvPr id="4" name="그림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093" y="1948312"/>
            <a:ext cx="2233615" cy="3888979"/>
          </a:xfrm>
          <a:prstGeom prst="rect">
            <a:avLst/>
          </a:prstGeom>
        </p:spPr>
      </p:pic>
      <p:pic>
        <p:nvPicPr>
          <p:cNvPr id="6" name="그림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092" y="1948312"/>
            <a:ext cx="2233615" cy="3888979"/>
          </a:xfrm>
          <a:prstGeom prst="rect">
            <a:avLst/>
          </a:prstGeom>
        </p:spPr>
      </p:pic>
      <p:pic>
        <p:nvPicPr>
          <p:cNvPr id="2" name="그림 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092" y="1948312"/>
            <a:ext cx="2233616" cy="38889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001728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기술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pic>
        <p:nvPicPr>
          <p:cNvPr id="7" name="그림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98458" y="1373467"/>
            <a:ext cx="9195084" cy="4942358"/>
          </a:xfrm>
          <a:prstGeom prst="roundRect">
            <a:avLst>
              <a:gd name="adj" fmla="val 6260"/>
            </a:avLst>
          </a:prstGeom>
        </p:spPr>
      </p:pic>
    </p:spTree>
    <p:extLst>
      <p:ext uri="{BB962C8B-B14F-4D97-AF65-F5344CB8AC3E}">
        <p14:creationId xmlns:p14="http://schemas.microsoft.com/office/powerpoint/2010/main" val="39202827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기술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pic>
        <p:nvPicPr>
          <p:cNvPr id="19" name="그림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49" t="5570" r="38397" b="35064"/>
          <a:stretch/>
        </p:blipFill>
        <p:spPr>
          <a:xfrm>
            <a:off x="1498458" y="1379535"/>
            <a:ext cx="9195084" cy="4942359"/>
          </a:xfrm>
          <a:prstGeom prst="roundRect">
            <a:avLst>
              <a:gd name="adj" fmla="val 6260"/>
            </a:avLst>
          </a:prstGeom>
        </p:spPr>
      </p:pic>
    </p:spTree>
    <p:extLst>
      <p:ext uri="{BB962C8B-B14F-4D97-AF65-F5344CB8AC3E}">
        <p14:creationId xmlns:p14="http://schemas.microsoft.com/office/powerpoint/2010/main" val="294614047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50">
        <p:fade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기술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pic>
        <p:nvPicPr>
          <p:cNvPr id="6" name="그림 5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23" t="66161" r="83338" b="13457"/>
          <a:stretch/>
        </p:blipFill>
        <p:spPr>
          <a:xfrm>
            <a:off x="4180358" y="2156609"/>
            <a:ext cx="3831285" cy="3388211"/>
          </a:xfrm>
          <a:prstGeom prst="roundRect">
            <a:avLst>
              <a:gd name="adj" fmla="val 5703"/>
            </a:avLst>
          </a:prstGeom>
        </p:spPr>
      </p:pic>
    </p:spTree>
    <p:extLst>
      <p:ext uri="{BB962C8B-B14F-4D97-AF65-F5344CB8AC3E}">
        <p14:creationId xmlns:p14="http://schemas.microsoft.com/office/powerpoint/2010/main" val="116222111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50">
        <p:fade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일정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cxnSp>
        <p:nvCxnSpPr>
          <p:cNvPr id="35" name="OTLSHAPE_M_2e7347b944d541edaa79e9c40a10451f_Connector1"/>
          <p:cNvCxnSpPr/>
          <p:nvPr>
            <p:custDataLst>
              <p:tags r:id="rId1"/>
            </p:custDataLst>
          </p:nvPr>
        </p:nvCxnSpPr>
        <p:spPr>
          <a:xfrm>
            <a:off x="10910415" y="1943519"/>
            <a:ext cx="0" cy="415269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cb2e6172b0a8466cae8c3f487bf17973_Connector1"/>
          <p:cNvCxnSpPr/>
          <p:nvPr>
            <p:custDataLst>
              <p:tags r:id="rId2"/>
            </p:custDataLst>
          </p:nvPr>
        </p:nvCxnSpPr>
        <p:spPr>
          <a:xfrm>
            <a:off x="3706898" y="1943519"/>
            <a:ext cx="0" cy="415269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4881c640f0294388a863da57906b5e9e_Connector1"/>
          <p:cNvCxnSpPr/>
          <p:nvPr>
            <p:custDataLst>
              <p:tags r:id="rId3"/>
            </p:custDataLst>
          </p:nvPr>
        </p:nvCxnSpPr>
        <p:spPr>
          <a:xfrm>
            <a:off x="2766633" y="1945177"/>
            <a:ext cx="0" cy="415269"/>
          </a:xfrm>
          <a:prstGeom prst="line">
            <a:avLst/>
          </a:prstGeom>
          <a:ln w="4763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2" name="그룹 21"/>
          <p:cNvGrpSpPr/>
          <p:nvPr/>
        </p:nvGrpSpPr>
        <p:grpSpPr>
          <a:xfrm>
            <a:off x="2958596" y="1807830"/>
            <a:ext cx="611229" cy="338611"/>
            <a:chOff x="2958596" y="1807830"/>
            <a:chExt cx="611229" cy="338611"/>
          </a:xfrm>
        </p:grpSpPr>
        <p:sp>
          <p:nvSpPr>
            <p:cNvPr id="59" name="OTLSHAPE_M_4881c640f0294388a863da57906b5e9e_Title"/>
            <p:cNvSpPr txBox="1"/>
            <p:nvPr>
              <p:custDataLst>
                <p:tags r:id="rId56"/>
              </p:custDataLst>
            </p:nvPr>
          </p:nvSpPr>
          <p:spPr>
            <a:xfrm>
              <a:off x="2958596" y="1807830"/>
              <a:ext cx="500946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b="1" spc="-10" dirty="0" smtClean="0">
                  <a:solidFill>
                    <a:schemeClr val="dk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1</a:t>
              </a:r>
              <a:r>
                <a:rPr lang="ko-KR" altLang="en-US" sz="1000" b="1" spc="-10" dirty="0" smtClean="0">
                  <a:solidFill>
                    <a:schemeClr val="dk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차 제출</a:t>
              </a:r>
              <a:endParaRPr lang="ko-KR" altLang="en-US" sz="1000" b="1" spc="-10" dirty="0">
                <a:solidFill>
                  <a:schemeClr val="dk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60" name="OTLSHAPE_M_4881c640f0294388a863da57906b5e9e_Date"/>
            <p:cNvSpPr txBox="1"/>
            <p:nvPr>
              <p:custDataLst>
                <p:tags r:id="rId57"/>
              </p:custDataLst>
            </p:nvPr>
          </p:nvSpPr>
          <p:spPr>
            <a:xfrm>
              <a:off x="2975361" y="2023330"/>
              <a:ext cx="594464" cy="1231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800" spc="-8" dirty="0" smtClean="0">
                  <a:solidFill>
                    <a:srgbClr val="1F497E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6/07/2017</a:t>
              </a:r>
              <a:endParaRPr lang="ko-KR" altLang="en-US" sz="800" spc="-8" dirty="0">
                <a:solidFill>
                  <a:srgbClr val="1F497E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sp>
        <p:nvSpPr>
          <p:cNvPr id="61" name="OTLSHAPE_M_4881c640f0294388a863da57906b5e9e_Shape"/>
          <p:cNvSpPr/>
          <p:nvPr>
            <p:custDataLst>
              <p:tags r:id="rId4"/>
            </p:custDataLst>
          </p:nvPr>
        </p:nvSpPr>
        <p:spPr>
          <a:xfrm rot="16200000">
            <a:off x="2790488" y="1945177"/>
            <a:ext cx="155055" cy="155055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grpSp>
        <p:nvGrpSpPr>
          <p:cNvPr id="24" name="그룹 23"/>
          <p:cNvGrpSpPr/>
          <p:nvPr/>
        </p:nvGrpSpPr>
        <p:grpSpPr>
          <a:xfrm>
            <a:off x="3909662" y="1806172"/>
            <a:ext cx="600427" cy="338611"/>
            <a:chOff x="3909662" y="1806172"/>
            <a:chExt cx="600427" cy="338611"/>
          </a:xfrm>
        </p:grpSpPr>
        <p:sp>
          <p:nvSpPr>
            <p:cNvPr id="62" name="OTLSHAPE_M_cb2e6172b0a8466cae8c3f487bf17973_Title"/>
            <p:cNvSpPr txBox="1"/>
            <p:nvPr>
              <p:custDataLst>
                <p:tags r:id="rId54"/>
              </p:custDataLst>
            </p:nvPr>
          </p:nvSpPr>
          <p:spPr>
            <a:xfrm>
              <a:off x="3909662" y="1806172"/>
              <a:ext cx="500946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b="1" spc="-10" dirty="0" smtClean="0">
                  <a:solidFill>
                    <a:schemeClr val="dk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2</a:t>
              </a:r>
              <a:r>
                <a:rPr lang="ko-KR" altLang="en-US" sz="1000" b="1" spc="-10" dirty="0" smtClean="0">
                  <a:solidFill>
                    <a:schemeClr val="dk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차 제출</a:t>
              </a:r>
              <a:endParaRPr lang="ko-KR" altLang="en-US" sz="1000" b="1" spc="-10" dirty="0">
                <a:solidFill>
                  <a:schemeClr val="dk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63" name="OTLSHAPE_M_cb2e6172b0a8466cae8c3f487bf17973_Date"/>
            <p:cNvSpPr txBox="1"/>
            <p:nvPr>
              <p:custDataLst>
                <p:tags r:id="rId55"/>
              </p:custDataLst>
            </p:nvPr>
          </p:nvSpPr>
          <p:spPr>
            <a:xfrm>
              <a:off x="3915626" y="2021672"/>
              <a:ext cx="594463" cy="1231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800" spc="-8" dirty="0" smtClean="0">
                  <a:solidFill>
                    <a:srgbClr val="1F497E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6/30/2017</a:t>
              </a:r>
              <a:endParaRPr lang="ko-KR" altLang="en-US" sz="800" spc="-8" dirty="0">
                <a:solidFill>
                  <a:srgbClr val="1F497E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sp>
        <p:nvSpPr>
          <p:cNvPr id="64" name="OTLSHAPE_M_cb2e6172b0a8466cae8c3f487bf17973_Shape"/>
          <p:cNvSpPr/>
          <p:nvPr>
            <p:custDataLst>
              <p:tags r:id="rId5"/>
            </p:custDataLst>
          </p:nvPr>
        </p:nvSpPr>
        <p:spPr>
          <a:xfrm rot="16200000">
            <a:off x="3730753" y="1943519"/>
            <a:ext cx="155055" cy="155055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grpSp>
        <p:nvGrpSpPr>
          <p:cNvPr id="25" name="그룹 24"/>
          <p:cNvGrpSpPr/>
          <p:nvPr/>
        </p:nvGrpSpPr>
        <p:grpSpPr>
          <a:xfrm>
            <a:off x="11113177" y="1806172"/>
            <a:ext cx="656001" cy="338611"/>
            <a:chOff x="11113177" y="1806172"/>
            <a:chExt cx="656001" cy="338611"/>
          </a:xfrm>
        </p:grpSpPr>
        <p:sp>
          <p:nvSpPr>
            <p:cNvPr id="65" name="OTLSHAPE_M_2e7347b944d541edaa79e9c40a10451f_Title"/>
            <p:cNvSpPr txBox="1"/>
            <p:nvPr>
              <p:custDataLst>
                <p:tags r:id="rId52"/>
              </p:custDataLst>
            </p:nvPr>
          </p:nvSpPr>
          <p:spPr>
            <a:xfrm>
              <a:off x="11113177" y="1806172"/>
              <a:ext cx="656001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000" b="1" spc="-10" dirty="0" err="1" smtClean="0">
                  <a:solidFill>
                    <a:schemeClr val="dk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졸업시사회</a:t>
              </a:r>
              <a:endParaRPr lang="ko-KR" altLang="en-US" sz="1000" b="1" spc="-10" dirty="0">
                <a:solidFill>
                  <a:schemeClr val="dk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71" name="OTLSHAPE_M_2e7347b944d541edaa79e9c40a10451f_Date"/>
            <p:cNvSpPr txBox="1"/>
            <p:nvPr>
              <p:custDataLst>
                <p:tags r:id="rId53"/>
              </p:custDataLst>
            </p:nvPr>
          </p:nvSpPr>
          <p:spPr>
            <a:xfrm>
              <a:off x="11119142" y="2021672"/>
              <a:ext cx="650036" cy="1231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800" spc="-8" dirty="0" smtClean="0">
                  <a:solidFill>
                    <a:srgbClr val="1F497E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12/29/2017</a:t>
              </a:r>
              <a:endParaRPr lang="ko-KR" altLang="en-US" sz="800" spc="-8" dirty="0">
                <a:solidFill>
                  <a:srgbClr val="1F497E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sp>
        <p:nvSpPr>
          <p:cNvPr id="72" name="OTLSHAPE_M_2e7347b944d541edaa79e9c40a10451f_Shape"/>
          <p:cNvSpPr/>
          <p:nvPr>
            <p:custDataLst>
              <p:tags r:id="rId6"/>
            </p:custDataLst>
          </p:nvPr>
        </p:nvSpPr>
        <p:spPr>
          <a:xfrm rot="16200000">
            <a:off x="10934269" y="1943519"/>
            <a:ext cx="155055" cy="155055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cxnSp>
        <p:nvCxnSpPr>
          <p:cNvPr id="29" name="OTLSHAPE_T_de92eadd2f6a4d138a2e5ad44c0e9e9b_HorizontalConnector1"/>
          <p:cNvCxnSpPr/>
          <p:nvPr>
            <p:custDataLst>
              <p:tags r:id="rId7"/>
            </p:custDataLst>
          </p:nvPr>
        </p:nvCxnSpPr>
        <p:spPr>
          <a:xfrm>
            <a:off x="1481650" y="5963201"/>
            <a:ext cx="74449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8e2509a865948fbba54ff302a3e8a28_HorizontalConnector1"/>
          <p:cNvCxnSpPr/>
          <p:nvPr>
            <p:custDataLst>
              <p:tags r:id="rId8"/>
            </p:custDataLst>
          </p:nvPr>
        </p:nvCxnSpPr>
        <p:spPr>
          <a:xfrm>
            <a:off x="1481650" y="5483485"/>
            <a:ext cx="74449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612190d025294dbea8f85e61ee1fb3a4_HorizontalConnector1"/>
          <p:cNvCxnSpPr/>
          <p:nvPr>
            <p:custDataLst>
              <p:tags r:id="rId9"/>
            </p:custDataLst>
          </p:nvPr>
        </p:nvCxnSpPr>
        <p:spPr>
          <a:xfrm>
            <a:off x="1744050" y="4997704"/>
            <a:ext cx="48209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2a68a91de257487e9377bfa7b8894e4c_HorizontalConnector1"/>
          <p:cNvCxnSpPr/>
          <p:nvPr>
            <p:custDataLst>
              <p:tags r:id="rId10"/>
            </p:custDataLst>
          </p:nvPr>
        </p:nvCxnSpPr>
        <p:spPr>
          <a:xfrm>
            <a:off x="1904910" y="4528728"/>
            <a:ext cx="32123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a576ab0d7cb54c8b8fd518d558b926ee_HorizontalConnector1"/>
          <p:cNvCxnSpPr/>
          <p:nvPr>
            <p:custDataLst>
              <p:tags r:id="rId11"/>
            </p:custDataLst>
          </p:nvPr>
        </p:nvCxnSpPr>
        <p:spPr>
          <a:xfrm>
            <a:off x="1618688" y="4053832"/>
            <a:ext cx="61329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4044fbc7e0cf4a4a89ae89b66f92c0d6_HorizontalConnector1"/>
          <p:cNvCxnSpPr/>
          <p:nvPr>
            <p:custDataLst>
              <p:tags r:id="rId12"/>
            </p:custDataLst>
          </p:nvPr>
        </p:nvCxnSpPr>
        <p:spPr>
          <a:xfrm>
            <a:off x="1612850" y="3573634"/>
            <a:ext cx="61329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OTLSHAPE_T_4044fbc7e0cf4a4a89ae89b66f92c0d6_JoinedDate"/>
          <p:cNvSpPr txBox="1"/>
          <p:nvPr>
            <p:custDataLst>
              <p:tags r:id="rId13"/>
            </p:custDataLst>
          </p:nvPr>
        </p:nvSpPr>
        <p:spPr>
          <a:xfrm>
            <a:off x="2986267" y="3450525"/>
            <a:ext cx="106152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800" spc="-6" dirty="0" smtClean="0">
                <a:solidFill>
                  <a:srgbClr val="1F497E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5/18/2017 - 6/4/2017</a:t>
            </a:r>
            <a:endParaRPr lang="ko-KR" altLang="en-US" sz="800" spc="-6" dirty="0">
              <a:solidFill>
                <a:srgbClr val="1F497E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77" name="OTLSHAPE_T_4044fbc7e0cf4a4a89ae89b66f92c0d6_Title"/>
          <p:cNvSpPr txBox="1"/>
          <p:nvPr>
            <p:custDataLst>
              <p:tags r:id="rId14"/>
            </p:custDataLst>
          </p:nvPr>
        </p:nvSpPr>
        <p:spPr>
          <a:xfrm>
            <a:off x="795990" y="3496690"/>
            <a:ext cx="8229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000" b="1" spc="-8" dirty="0" err="1" smtClean="0">
                <a:solidFill>
                  <a:schemeClr val="dk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게임컨셉</a:t>
            </a:r>
            <a:r>
              <a:rPr lang="ko-KR" altLang="en-US" sz="1000" b="1" spc="-8" dirty="0" smtClean="0">
                <a:solidFill>
                  <a:schemeClr val="dk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 기획</a:t>
            </a:r>
            <a:endParaRPr lang="ko-KR" altLang="en-US" sz="1000" b="1" spc="-8" dirty="0">
              <a:solidFill>
                <a:schemeClr val="dk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79" name="OTLSHAPE_T_a576ab0d7cb54c8b8fd518d558b926ee_JoinedDate"/>
          <p:cNvSpPr txBox="1"/>
          <p:nvPr>
            <p:custDataLst>
              <p:tags r:id="rId15"/>
            </p:custDataLst>
          </p:nvPr>
        </p:nvSpPr>
        <p:spPr>
          <a:xfrm>
            <a:off x="4654455" y="3930723"/>
            <a:ext cx="1133092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800" spc="-6" dirty="0" smtClean="0">
                <a:solidFill>
                  <a:srgbClr val="1F497E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5/18/2017 - 7/16/2017</a:t>
            </a:r>
            <a:endParaRPr lang="ko-KR" altLang="en-US" sz="800" spc="-6" dirty="0">
              <a:solidFill>
                <a:srgbClr val="1F497E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80" name="OTLSHAPE_T_a576ab0d7cb54c8b8fd518d558b926ee_Title"/>
          <p:cNvSpPr txBox="1"/>
          <p:nvPr>
            <p:custDataLst>
              <p:tags r:id="rId16"/>
            </p:custDataLst>
          </p:nvPr>
        </p:nvSpPr>
        <p:spPr>
          <a:xfrm>
            <a:off x="801828" y="3976888"/>
            <a:ext cx="8229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000" b="1" spc="-8" dirty="0" smtClean="0">
                <a:solidFill>
                  <a:schemeClr val="dk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스테이지 기획</a:t>
            </a:r>
            <a:endParaRPr lang="ko-KR" altLang="en-US" sz="1000" b="1" spc="-8" dirty="0">
              <a:solidFill>
                <a:schemeClr val="dk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82" name="OTLSHAPE_T_2a68a91de257487e9377bfa7b8894e4c_JoinedDate"/>
          <p:cNvSpPr txBox="1"/>
          <p:nvPr>
            <p:custDataLst>
              <p:tags r:id="rId17"/>
            </p:custDataLst>
          </p:nvPr>
        </p:nvSpPr>
        <p:spPr>
          <a:xfrm>
            <a:off x="3263325" y="4405619"/>
            <a:ext cx="1133092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800" spc="-6" dirty="0" smtClean="0">
                <a:solidFill>
                  <a:srgbClr val="1F497E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5/18/2017 - 6/11/2017</a:t>
            </a:r>
            <a:endParaRPr lang="ko-KR" altLang="en-US" sz="800" spc="-6" dirty="0">
              <a:solidFill>
                <a:srgbClr val="1F497E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83" name="OTLSHAPE_T_2a68a91de257487e9377bfa7b8894e4c_Title"/>
          <p:cNvSpPr txBox="1"/>
          <p:nvPr>
            <p:custDataLst>
              <p:tags r:id="rId18"/>
            </p:custDataLst>
          </p:nvPr>
        </p:nvSpPr>
        <p:spPr>
          <a:xfrm>
            <a:off x="795990" y="4451784"/>
            <a:ext cx="11092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000" b="1" spc="-6" dirty="0" smtClean="0">
                <a:solidFill>
                  <a:schemeClr val="dk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스크립트 언어 기획</a:t>
            </a:r>
            <a:endParaRPr lang="ko-KR" altLang="en-US" sz="1000" b="1" spc="-6" dirty="0">
              <a:solidFill>
                <a:schemeClr val="dk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85" name="OTLSHAPE_T_612190d025294dbea8f85e61ee1fb3a4_JoinedDate"/>
          <p:cNvSpPr txBox="1"/>
          <p:nvPr>
            <p:custDataLst>
              <p:tags r:id="rId19"/>
            </p:custDataLst>
          </p:nvPr>
        </p:nvSpPr>
        <p:spPr>
          <a:xfrm>
            <a:off x="10466842" y="4874594"/>
            <a:ext cx="119272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800" spc="-6" dirty="0" smtClean="0">
                <a:solidFill>
                  <a:srgbClr val="1F497E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5/18/2017 - 12/10/2017</a:t>
            </a:r>
            <a:endParaRPr lang="ko-KR" altLang="en-US" sz="800" spc="-6" dirty="0">
              <a:solidFill>
                <a:srgbClr val="1F497E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86" name="OTLSHAPE_T_612190d025294dbea8f85e61ee1fb3a4_Title"/>
          <p:cNvSpPr txBox="1"/>
          <p:nvPr>
            <p:custDataLst>
              <p:tags r:id="rId20"/>
            </p:custDataLst>
          </p:nvPr>
        </p:nvSpPr>
        <p:spPr>
          <a:xfrm>
            <a:off x="795990" y="4920759"/>
            <a:ext cx="9541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000" b="1" spc="-6" dirty="0" smtClean="0">
                <a:solidFill>
                  <a:schemeClr val="dk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프로그래밍 작업</a:t>
            </a:r>
            <a:endParaRPr lang="ko-KR" altLang="en-US" sz="1000" b="1" spc="-6" dirty="0">
              <a:solidFill>
                <a:schemeClr val="dk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88" name="OTLSHAPE_T_e8e2509a865948fbba54ff302a3e8a28_JoinedDate"/>
          <p:cNvSpPr txBox="1"/>
          <p:nvPr>
            <p:custDataLst>
              <p:tags r:id="rId21"/>
            </p:custDataLst>
          </p:nvPr>
        </p:nvSpPr>
        <p:spPr>
          <a:xfrm>
            <a:off x="10150204" y="5360376"/>
            <a:ext cx="1133092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800" spc="-6" dirty="0" smtClean="0">
                <a:solidFill>
                  <a:srgbClr val="1F497E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5/18/2017 - 12/2/2017</a:t>
            </a:r>
            <a:endParaRPr lang="ko-KR" altLang="en-US" sz="800" spc="-6" dirty="0">
              <a:solidFill>
                <a:srgbClr val="1F497E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89" name="OTLSHAPE_T_e8e2509a865948fbba54ff302a3e8a28_Title"/>
          <p:cNvSpPr txBox="1"/>
          <p:nvPr>
            <p:custDataLst>
              <p:tags r:id="rId22"/>
            </p:custDataLst>
          </p:nvPr>
        </p:nvSpPr>
        <p:spPr>
          <a:xfrm>
            <a:off x="795990" y="5406540"/>
            <a:ext cx="6917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000" b="1" spc="-8" dirty="0" smtClean="0">
                <a:solidFill>
                  <a:schemeClr val="dk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그래픽 작업</a:t>
            </a:r>
            <a:endParaRPr lang="ko-KR" altLang="en-US" sz="1000" b="1" spc="-8" dirty="0">
              <a:solidFill>
                <a:schemeClr val="dk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91" name="OTLSHAPE_T_de92eadd2f6a4d138a2e5ad44c0e9e9b_JoinedDate"/>
          <p:cNvSpPr txBox="1"/>
          <p:nvPr>
            <p:custDataLst>
              <p:tags r:id="rId23"/>
            </p:custDataLst>
          </p:nvPr>
        </p:nvSpPr>
        <p:spPr>
          <a:xfrm>
            <a:off x="5756850" y="5840092"/>
            <a:ext cx="1133092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800" spc="-6" dirty="0" smtClean="0">
                <a:solidFill>
                  <a:srgbClr val="1F497E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5/18/2017 - 8/13/2017</a:t>
            </a:r>
            <a:endParaRPr lang="ko-KR" altLang="en-US" sz="800" spc="-6" dirty="0">
              <a:solidFill>
                <a:srgbClr val="1F497E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92" name="OTLSHAPE_T_de92eadd2f6a4d138a2e5ad44c0e9e9b_Title"/>
          <p:cNvSpPr txBox="1"/>
          <p:nvPr>
            <p:custDataLst>
              <p:tags r:id="rId24"/>
            </p:custDataLst>
          </p:nvPr>
        </p:nvSpPr>
        <p:spPr>
          <a:xfrm>
            <a:off x="795990" y="5886256"/>
            <a:ext cx="6917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000" b="1" spc="-8" dirty="0" smtClean="0">
                <a:solidFill>
                  <a:schemeClr val="dk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사운드 작업</a:t>
            </a:r>
            <a:endParaRPr lang="ko-KR" altLang="en-US" sz="1000" b="1" spc="-8" dirty="0">
              <a:solidFill>
                <a:schemeClr val="dk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grpSp>
        <p:nvGrpSpPr>
          <p:cNvPr id="19" name="그룹 18"/>
          <p:cNvGrpSpPr/>
          <p:nvPr/>
        </p:nvGrpSpPr>
        <p:grpSpPr>
          <a:xfrm>
            <a:off x="686382" y="2358787"/>
            <a:ext cx="10886384" cy="357818"/>
            <a:chOff x="686382" y="2358787"/>
            <a:chExt cx="10886384" cy="357818"/>
          </a:xfrm>
        </p:grpSpPr>
        <p:grpSp>
          <p:nvGrpSpPr>
            <p:cNvPr id="15" name="그룹 14"/>
            <p:cNvGrpSpPr/>
            <p:nvPr/>
          </p:nvGrpSpPr>
          <p:grpSpPr>
            <a:xfrm>
              <a:off x="1286596" y="2358787"/>
              <a:ext cx="10286170" cy="357818"/>
              <a:chOff x="1286596" y="2358787"/>
              <a:chExt cx="10286170" cy="357818"/>
            </a:xfrm>
          </p:grpSpPr>
          <p:sp>
            <p:nvSpPr>
              <p:cNvPr id="39" name="OTLSHAPE_TB_00000000000000000000000000000000_RightEndCaps"/>
              <p:cNvSpPr txBox="1"/>
              <p:nvPr>
                <p:custDataLst>
                  <p:tags r:id="rId35"/>
                </p:custDataLst>
              </p:nvPr>
            </p:nvSpPr>
            <p:spPr>
              <a:xfrm>
                <a:off x="11104945" y="2429974"/>
                <a:ext cx="467821" cy="215444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ctr"/>
                <a:r>
                  <a:rPr lang="en-US" altLang="ko-KR" sz="1400" b="1" spc="-38" dirty="0" smtClean="0">
                    <a:solidFill>
                      <a:srgbClr val="C0504D"/>
                    </a:solidFill>
                    <a:latin typeface="DX피오피" panose="02020600000000000000" pitchFamily="18" charset="-127"/>
                    <a:ea typeface="DX피오피" panose="02020600000000000000" pitchFamily="18" charset="-127"/>
                  </a:rPr>
                  <a:t>2017</a:t>
                </a:r>
                <a:endParaRPr lang="ko-KR" altLang="en-US" sz="1400" b="1" spc="-38" dirty="0">
                  <a:solidFill>
                    <a:srgbClr val="C0504D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endParaRPr>
              </a:p>
            </p:txBody>
          </p:sp>
          <p:sp>
            <p:nvSpPr>
              <p:cNvPr id="40" name="OTLSHAPE_TB_00000000000000000000000000000000_ScaleContainer"/>
              <p:cNvSpPr/>
              <p:nvPr>
                <p:custDataLst>
                  <p:tags r:id="rId36"/>
                </p:custDataLst>
              </p:nvPr>
            </p:nvSpPr>
            <p:spPr>
              <a:xfrm>
                <a:off x="1286596" y="2358787"/>
                <a:ext cx="9708810" cy="357818"/>
              </a:xfrm>
              <a:prstGeom prst="rect">
                <a:avLst/>
              </a:prstGeom>
              <a:gradFill flip="none" rotWithShape="1">
                <a:gsLst>
                  <a:gs pos="0">
                    <a:srgbClr val="44546A"/>
                  </a:gs>
                  <a:gs pos="0">
                    <a:schemeClr val="dk2"/>
                  </a:gs>
                </a:gsLst>
                <a:lin ang="5400000" scaled="1"/>
                <a:tileRect/>
              </a:gradFill>
              <a:ln w="12700" cap="flat" cmpd="sng" algn="ctr">
                <a:noFill/>
                <a:prstDash val="solid"/>
                <a:miter lim="800000"/>
              </a:ln>
              <a:effectLst>
                <a:reflection blurRad="6350" stA="50000" endA="300" endPos="55500" dist="50800" dir="5400000" sy="-100000" algn="bl" rotWithShape="0"/>
              </a:effectLst>
              <a:scene3d>
                <a:camera prst="orthographicFront"/>
                <a:lightRig rig="threePt" dir="t">
                  <a:rot lat="0" lon="0" rev="8700000"/>
                </a:lightRig>
              </a:scene3d>
              <a:sp3d>
                <a:bevelT w="165100" h="1905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1400">
                  <a:latin typeface="DX피오피" panose="02020600000000000000" pitchFamily="18" charset="-127"/>
                  <a:ea typeface="DX피오피" panose="02020600000000000000" pitchFamily="18" charset="-127"/>
                </a:endParaRPr>
              </a:p>
            </p:txBody>
          </p:sp>
          <p:sp>
            <p:nvSpPr>
              <p:cNvPr id="44" name="OTLSHAPE_TB_00000000000000000000000000000000_TimescaleInterval1"/>
              <p:cNvSpPr txBox="1"/>
              <p:nvPr>
                <p:custDataLst>
                  <p:tags r:id="rId37"/>
                </p:custDataLst>
              </p:nvPr>
            </p:nvSpPr>
            <p:spPr>
              <a:xfrm>
                <a:off x="1346232" y="2450330"/>
                <a:ext cx="70878" cy="17473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050" spc="-26" smtClean="0">
                    <a:solidFill>
                      <a:schemeClr val="lt1"/>
                    </a:solidFill>
                    <a:latin typeface="DX피오피" panose="02020600000000000000" pitchFamily="18" charset="-127"/>
                    <a:ea typeface="DX피오피" panose="02020600000000000000" pitchFamily="18" charset="-127"/>
                  </a:rPr>
                  <a:t>5</a:t>
                </a:r>
                <a:endParaRPr lang="ko-KR" altLang="en-US" sz="1050" spc="-26">
                  <a:solidFill>
                    <a:schemeClr val="lt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endParaRPr>
              </a:p>
            </p:txBody>
          </p:sp>
          <p:cxnSp>
            <p:nvCxnSpPr>
              <p:cNvPr id="45" name="OTLSHAPE_TB_00000000000000000000000000000000_Separator1"/>
              <p:cNvCxnSpPr/>
              <p:nvPr>
                <p:custDataLst>
                  <p:tags r:id="rId38"/>
                </p:custDataLst>
              </p:nvPr>
            </p:nvCxnSpPr>
            <p:spPr>
              <a:xfrm>
                <a:off x="2513569" y="2442278"/>
                <a:ext cx="0" cy="190837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6" name="OTLSHAPE_TB_00000000000000000000000000000000_TimescaleInterval2"/>
              <p:cNvSpPr txBox="1"/>
              <p:nvPr>
                <p:custDataLst>
                  <p:tags r:id="rId39"/>
                </p:custDataLst>
              </p:nvPr>
            </p:nvSpPr>
            <p:spPr>
              <a:xfrm>
                <a:off x="2573205" y="2450330"/>
                <a:ext cx="70878" cy="17473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050" spc="-26" dirty="0" smtClean="0">
                    <a:solidFill>
                      <a:schemeClr val="lt1"/>
                    </a:solidFill>
                    <a:latin typeface="DX피오피" panose="02020600000000000000" pitchFamily="18" charset="-127"/>
                    <a:ea typeface="DX피오피" panose="02020600000000000000" pitchFamily="18" charset="-127"/>
                  </a:rPr>
                  <a:t>6</a:t>
                </a:r>
                <a:endParaRPr lang="ko-KR" altLang="en-US" sz="1050" spc="-26" dirty="0">
                  <a:solidFill>
                    <a:schemeClr val="lt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endParaRPr>
              </a:p>
            </p:txBody>
          </p:sp>
          <p:cxnSp>
            <p:nvCxnSpPr>
              <p:cNvPr id="47" name="OTLSHAPE_TB_00000000000000000000000000000000_Separator2"/>
              <p:cNvCxnSpPr/>
              <p:nvPr>
                <p:custDataLst>
                  <p:tags r:id="rId40"/>
                </p:custDataLst>
              </p:nvPr>
            </p:nvCxnSpPr>
            <p:spPr>
              <a:xfrm>
                <a:off x="3700961" y="2442278"/>
                <a:ext cx="0" cy="190837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8" name="OTLSHAPE_TB_00000000000000000000000000000000_TimescaleInterval3"/>
              <p:cNvSpPr txBox="1"/>
              <p:nvPr>
                <p:custDataLst>
                  <p:tags r:id="rId41"/>
                </p:custDataLst>
              </p:nvPr>
            </p:nvSpPr>
            <p:spPr>
              <a:xfrm>
                <a:off x="3760598" y="2450330"/>
                <a:ext cx="70878" cy="17473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050" spc="-26" smtClean="0">
                    <a:solidFill>
                      <a:schemeClr val="lt1"/>
                    </a:solidFill>
                    <a:latin typeface="DX피오피" panose="02020600000000000000" pitchFamily="18" charset="-127"/>
                    <a:ea typeface="DX피오피" panose="02020600000000000000" pitchFamily="18" charset="-127"/>
                  </a:rPr>
                  <a:t>7</a:t>
                </a:r>
                <a:endParaRPr lang="ko-KR" altLang="en-US" sz="1050" spc="-26">
                  <a:solidFill>
                    <a:schemeClr val="lt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endParaRPr>
              </a:p>
            </p:txBody>
          </p:sp>
          <p:cxnSp>
            <p:nvCxnSpPr>
              <p:cNvPr id="49" name="OTLSHAPE_TB_00000000000000000000000000000000_Separator3"/>
              <p:cNvCxnSpPr/>
              <p:nvPr>
                <p:custDataLst>
                  <p:tags r:id="rId42"/>
                </p:custDataLst>
              </p:nvPr>
            </p:nvCxnSpPr>
            <p:spPr>
              <a:xfrm>
                <a:off x="4927934" y="2442278"/>
                <a:ext cx="0" cy="190837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0" name="OTLSHAPE_TB_00000000000000000000000000000000_TimescaleInterval4"/>
              <p:cNvSpPr txBox="1"/>
              <p:nvPr>
                <p:custDataLst>
                  <p:tags r:id="rId43"/>
                </p:custDataLst>
              </p:nvPr>
            </p:nvSpPr>
            <p:spPr>
              <a:xfrm>
                <a:off x="4987570" y="2450330"/>
                <a:ext cx="70878" cy="17473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050" spc="-26" smtClean="0">
                    <a:solidFill>
                      <a:schemeClr val="lt1"/>
                    </a:solidFill>
                    <a:latin typeface="DX피오피" panose="02020600000000000000" pitchFamily="18" charset="-127"/>
                    <a:ea typeface="DX피오피" panose="02020600000000000000" pitchFamily="18" charset="-127"/>
                  </a:rPr>
                  <a:t>8</a:t>
                </a:r>
                <a:endParaRPr lang="ko-KR" altLang="en-US" sz="1050" spc="-26">
                  <a:solidFill>
                    <a:schemeClr val="lt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endParaRPr>
              </a:p>
            </p:txBody>
          </p:sp>
          <p:cxnSp>
            <p:nvCxnSpPr>
              <p:cNvPr id="51" name="OTLSHAPE_TB_00000000000000000000000000000000_Separator4"/>
              <p:cNvCxnSpPr/>
              <p:nvPr>
                <p:custDataLst>
                  <p:tags r:id="rId44"/>
                </p:custDataLst>
              </p:nvPr>
            </p:nvCxnSpPr>
            <p:spPr>
              <a:xfrm>
                <a:off x="6154907" y="2442278"/>
                <a:ext cx="0" cy="190837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2" name="OTLSHAPE_TB_00000000000000000000000000000000_TimescaleInterval5"/>
              <p:cNvSpPr txBox="1"/>
              <p:nvPr>
                <p:custDataLst>
                  <p:tags r:id="rId45"/>
                </p:custDataLst>
              </p:nvPr>
            </p:nvSpPr>
            <p:spPr>
              <a:xfrm>
                <a:off x="6214543" y="2450330"/>
                <a:ext cx="70878" cy="17473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050" spc="-26" smtClean="0">
                    <a:solidFill>
                      <a:schemeClr val="lt1"/>
                    </a:solidFill>
                    <a:latin typeface="DX피오피" panose="02020600000000000000" pitchFamily="18" charset="-127"/>
                    <a:ea typeface="DX피오피" panose="02020600000000000000" pitchFamily="18" charset="-127"/>
                  </a:rPr>
                  <a:t>9</a:t>
                </a:r>
                <a:endParaRPr lang="ko-KR" altLang="en-US" sz="1050" spc="-26">
                  <a:solidFill>
                    <a:schemeClr val="lt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endParaRPr>
              </a:p>
            </p:txBody>
          </p:sp>
          <p:cxnSp>
            <p:nvCxnSpPr>
              <p:cNvPr id="53" name="OTLSHAPE_TB_00000000000000000000000000000000_Separator5"/>
              <p:cNvCxnSpPr/>
              <p:nvPr>
                <p:custDataLst>
                  <p:tags r:id="rId46"/>
                </p:custDataLst>
              </p:nvPr>
            </p:nvCxnSpPr>
            <p:spPr>
              <a:xfrm>
                <a:off x="7342300" y="2442278"/>
                <a:ext cx="0" cy="190837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4" name="OTLSHAPE_TB_00000000000000000000000000000000_TimescaleInterval6"/>
              <p:cNvSpPr txBox="1"/>
              <p:nvPr>
                <p:custDataLst>
                  <p:tags r:id="rId47"/>
                </p:custDataLst>
              </p:nvPr>
            </p:nvSpPr>
            <p:spPr>
              <a:xfrm>
                <a:off x="7401936" y="2450330"/>
                <a:ext cx="141755" cy="17473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050" spc="-26" smtClean="0">
                    <a:solidFill>
                      <a:schemeClr val="lt1"/>
                    </a:solidFill>
                    <a:latin typeface="DX피오피" panose="02020600000000000000" pitchFamily="18" charset="-127"/>
                    <a:ea typeface="DX피오피" panose="02020600000000000000" pitchFamily="18" charset="-127"/>
                  </a:rPr>
                  <a:t>10</a:t>
                </a:r>
                <a:endParaRPr lang="ko-KR" altLang="en-US" sz="1050" spc="-26">
                  <a:solidFill>
                    <a:schemeClr val="lt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endParaRPr>
              </a:p>
            </p:txBody>
          </p:sp>
          <p:cxnSp>
            <p:nvCxnSpPr>
              <p:cNvPr id="55" name="OTLSHAPE_TB_00000000000000000000000000000000_Separator6"/>
              <p:cNvCxnSpPr/>
              <p:nvPr>
                <p:custDataLst>
                  <p:tags r:id="rId48"/>
                </p:custDataLst>
              </p:nvPr>
            </p:nvCxnSpPr>
            <p:spPr>
              <a:xfrm>
                <a:off x="8569272" y="2442278"/>
                <a:ext cx="0" cy="190837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6" name="OTLSHAPE_TB_00000000000000000000000000000000_TimescaleInterval7"/>
              <p:cNvSpPr txBox="1"/>
              <p:nvPr>
                <p:custDataLst>
                  <p:tags r:id="rId49"/>
                </p:custDataLst>
              </p:nvPr>
            </p:nvSpPr>
            <p:spPr>
              <a:xfrm>
                <a:off x="8628908" y="2450330"/>
                <a:ext cx="141755" cy="17473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050" spc="-26" smtClean="0">
                    <a:solidFill>
                      <a:schemeClr val="lt1"/>
                    </a:solidFill>
                    <a:latin typeface="DX피오피" panose="02020600000000000000" pitchFamily="18" charset="-127"/>
                    <a:ea typeface="DX피오피" panose="02020600000000000000" pitchFamily="18" charset="-127"/>
                  </a:rPr>
                  <a:t>11</a:t>
                </a:r>
                <a:endParaRPr lang="ko-KR" altLang="en-US" sz="1050" spc="-26">
                  <a:solidFill>
                    <a:schemeClr val="lt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endParaRPr>
              </a:p>
            </p:txBody>
          </p:sp>
          <p:cxnSp>
            <p:nvCxnSpPr>
              <p:cNvPr id="57" name="OTLSHAPE_TB_00000000000000000000000000000000_Separator7"/>
              <p:cNvCxnSpPr/>
              <p:nvPr>
                <p:custDataLst>
                  <p:tags r:id="rId50"/>
                </p:custDataLst>
              </p:nvPr>
            </p:nvCxnSpPr>
            <p:spPr>
              <a:xfrm>
                <a:off x="9756665" y="2442278"/>
                <a:ext cx="0" cy="190837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8" name="OTLSHAPE_TB_00000000000000000000000000000000_TimescaleInterval8"/>
              <p:cNvSpPr txBox="1"/>
              <p:nvPr>
                <p:custDataLst>
                  <p:tags r:id="rId51"/>
                </p:custDataLst>
              </p:nvPr>
            </p:nvSpPr>
            <p:spPr>
              <a:xfrm>
                <a:off x="9816302" y="2450330"/>
                <a:ext cx="141755" cy="17473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050" spc="-26" smtClean="0">
                    <a:solidFill>
                      <a:schemeClr val="lt1"/>
                    </a:solidFill>
                    <a:latin typeface="DX피오피" panose="02020600000000000000" pitchFamily="18" charset="-127"/>
                    <a:ea typeface="DX피오피" panose="02020600000000000000" pitchFamily="18" charset="-127"/>
                  </a:rPr>
                  <a:t>12</a:t>
                </a:r>
                <a:endParaRPr lang="ko-KR" altLang="en-US" sz="1050" spc="-26">
                  <a:solidFill>
                    <a:schemeClr val="lt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endParaRPr>
              </a:p>
            </p:txBody>
          </p:sp>
        </p:grpSp>
        <p:sp>
          <p:nvSpPr>
            <p:cNvPr id="38" name="OTLSHAPE_TB_00000000000000000000000000000000_LeftEndCaps"/>
            <p:cNvSpPr txBox="1"/>
            <p:nvPr>
              <p:custDataLst>
                <p:tags r:id="rId34"/>
              </p:custDataLst>
            </p:nvPr>
          </p:nvSpPr>
          <p:spPr>
            <a:xfrm>
              <a:off x="686382" y="2429974"/>
              <a:ext cx="467821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altLang="ko-KR" sz="1400" b="1" spc="-38" dirty="0" smtClean="0">
                  <a:solidFill>
                    <a:srgbClr val="C0504D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2017</a:t>
              </a:r>
              <a:endParaRPr lang="ko-KR" altLang="en-US" sz="1400" b="1" spc="-38" dirty="0">
                <a:solidFill>
                  <a:srgbClr val="C0504D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sp>
        <p:nvSpPr>
          <p:cNvPr id="41" name="OTLSHAPE_TB_00000000000000000000000000000000_ElapsedTime"/>
          <p:cNvSpPr/>
          <p:nvPr>
            <p:custDataLst>
              <p:tags r:id="rId25"/>
            </p:custDataLst>
          </p:nvPr>
        </p:nvSpPr>
        <p:spPr>
          <a:xfrm>
            <a:off x="1286596" y="2645042"/>
            <a:ext cx="1478678" cy="7156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grpSp>
        <p:nvGrpSpPr>
          <p:cNvPr id="26" name="그룹 25"/>
          <p:cNvGrpSpPr/>
          <p:nvPr/>
        </p:nvGrpSpPr>
        <p:grpSpPr>
          <a:xfrm>
            <a:off x="2635211" y="2735531"/>
            <a:ext cx="253019" cy="287433"/>
            <a:chOff x="2635211" y="2735531"/>
            <a:chExt cx="253019" cy="287433"/>
          </a:xfrm>
        </p:grpSpPr>
        <p:sp>
          <p:nvSpPr>
            <p:cNvPr id="42" name="OTLSHAPE_TB_00000000000000000000000000000000_TodayMarkerShape"/>
            <p:cNvSpPr/>
            <p:nvPr>
              <p:custDataLst>
                <p:tags r:id="rId32"/>
              </p:custDataLst>
            </p:nvPr>
          </p:nvSpPr>
          <p:spPr>
            <a:xfrm>
              <a:off x="2710603" y="2735531"/>
              <a:ext cx="107346" cy="119273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400"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43" name="OTLSHAPE_TB_00000000000000000000000000000000_TodayMarkerText"/>
            <p:cNvSpPr txBox="1"/>
            <p:nvPr>
              <p:custDataLst>
                <p:tags r:id="rId33"/>
              </p:custDataLst>
            </p:nvPr>
          </p:nvSpPr>
          <p:spPr>
            <a:xfrm>
              <a:off x="2635211" y="2861381"/>
              <a:ext cx="253019" cy="16158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050" spc="-26" dirty="0" smtClean="0">
                  <a:solidFill>
                    <a:schemeClr val="dk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오늘</a:t>
              </a:r>
              <a:endParaRPr lang="ko-KR" altLang="en-US" sz="1050" spc="-26" dirty="0">
                <a:solidFill>
                  <a:schemeClr val="dk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sp>
        <p:nvSpPr>
          <p:cNvPr id="75" name="OTLSHAPE_T_4044fbc7e0cf4a4a89ae89b66f92c0d6_Shape"/>
          <p:cNvSpPr/>
          <p:nvPr>
            <p:custDataLst>
              <p:tags r:id="rId26"/>
            </p:custDataLst>
          </p:nvPr>
        </p:nvSpPr>
        <p:spPr>
          <a:xfrm>
            <a:off x="2226149" y="3478216"/>
            <a:ext cx="716006" cy="190837"/>
          </a:xfrm>
          <a:custGeom>
            <a:avLst/>
            <a:gdLst>
              <a:gd name="connsiteX0" fmla="*/ 0 w 762000"/>
              <a:gd name="connsiteY0" fmla="*/ 0 h 203200"/>
              <a:gd name="connsiteX1" fmla="*/ 762000 w 762000"/>
              <a:gd name="connsiteY1" fmla="*/ 0 h 203200"/>
              <a:gd name="connsiteX2" fmla="*/ 762000 w 762000"/>
              <a:gd name="connsiteY2" fmla="*/ 203200 h 203200"/>
              <a:gd name="connsiteX3" fmla="*/ 0 w 762000"/>
              <a:gd name="connsiteY3" fmla="*/ 203200 h 203200"/>
              <a:gd name="connsiteX4" fmla="*/ 0 w 762000"/>
              <a:gd name="connsiteY4" fmla="*/ 0 h 203200"/>
              <a:gd name="connsiteX0" fmla="*/ 0 w 762393"/>
              <a:gd name="connsiteY0" fmla="*/ 0 h 203200"/>
              <a:gd name="connsiteX1" fmla="*/ 762000 w 762393"/>
              <a:gd name="connsiteY1" fmla="*/ 0 h 203200"/>
              <a:gd name="connsiteX2" fmla="*/ 762393 w 762393"/>
              <a:gd name="connsiteY2" fmla="*/ 100489 h 203200"/>
              <a:gd name="connsiteX3" fmla="*/ 762000 w 762393"/>
              <a:gd name="connsiteY3" fmla="*/ 203200 h 203200"/>
              <a:gd name="connsiteX4" fmla="*/ 0 w 762393"/>
              <a:gd name="connsiteY4" fmla="*/ 203200 h 203200"/>
              <a:gd name="connsiteX5" fmla="*/ 0 w 762393"/>
              <a:gd name="connsiteY5" fmla="*/ 0 h 203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62393" h="203200">
                <a:moveTo>
                  <a:pt x="0" y="0"/>
                </a:moveTo>
                <a:lnTo>
                  <a:pt x="762000" y="0"/>
                </a:lnTo>
                <a:lnTo>
                  <a:pt x="762393" y="100489"/>
                </a:lnTo>
                <a:lnTo>
                  <a:pt x="762000" y="203200"/>
                </a:lnTo>
                <a:lnTo>
                  <a:pt x="0" y="203200"/>
                </a:lnTo>
                <a:lnTo>
                  <a:pt x="0" y="0"/>
                </a:lnTo>
                <a:close/>
              </a:path>
            </a:pathLst>
          </a:cu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78" name="OTLSHAPE_T_a576ab0d7cb54c8b8fd518d558b926ee_Shape"/>
          <p:cNvSpPr/>
          <p:nvPr>
            <p:custDataLst>
              <p:tags r:id="rId27"/>
            </p:custDataLst>
          </p:nvPr>
        </p:nvSpPr>
        <p:spPr>
          <a:xfrm>
            <a:off x="2231987" y="3958414"/>
            <a:ext cx="2385457" cy="1908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81" name="OTLSHAPE_T_2a68a91de257487e9377bfa7b8894e4c_Shape"/>
          <p:cNvSpPr/>
          <p:nvPr>
            <p:custDataLst>
              <p:tags r:id="rId28"/>
            </p:custDataLst>
          </p:nvPr>
        </p:nvSpPr>
        <p:spPr>
          <a:xfrm>
            <a:off x="2226149" y="4433310"/>
            <a:ext cx="989965" cy="19083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84" name="OTLSHAPE_T_612190d025294dbea8f85e61ee1fb3a4_Shape"/>
          <p:cNvSpPr/>
          <p:nvPr>
            <p:custDataLst>
              <p:tags r:id="rId29"/>
            </p:custDataLst>
          </p:nvPr>
        </p:nvSpPr>
        <p:spPr>
          <a:xfrm>
            <a:off x="2226149" y="4902286"/>
            <a:ext cx="8194045" cy="190837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87" name="OTLSHAPE_T_e8e2509a865948fbba54ff302a3e8a28_Shape"/>
          <p:cNvSpPr/>
          <p:nvPr>
            <p:custDataLst>
              <p:tags r:id="rId30"/>
            </p:custDataLst>
          </p:nvPr>
        </p:nvSpPr>
        <p:spPr>
          <a:xfrm>
            <a:off x="2226149" y="5388067"/>
            <a:ext cx="7883935" cy="190837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90" name="OTLSHAPE_T_de92eadd2f6a4d138a2e5ad44c0e9e9b_Shape"/>
          <p:cNvSpPr/>
          <p:nvPr>
            <p:custDataLst>
              <p:tags r:id="rId31"/>
            </p:custDataLst>
          </p:nvPr>
        </p:nvSpPr>
        <p:spPr>
          <a:xfrm>
            <a:off x="2226149" y="5867783"/>
            <a:ext cx="3494694" cy="190837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400"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12007749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50"/>
                            </p:stCondLst>
                            <p:childTnLst>
                              <p:par>
                                <p:cTn id="9" presetID="12" presetClass="entr" presetSubtype="4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150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up)">
                                      <p:cBhvr>
                                        <p:cTn id="12" dur="1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800"/>
                            </p:stCondLst>
                            <p:childTnLst>
                              <p:par>
                                <p:cTn id="14" presetID="1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6" dur="150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17" dur="15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950"/>
                            </p:stCondLst>
                            <p:childTnLst>
                              <p:par>
                                <p:cTn id="19" presetID="1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1" dur="150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22" dur="1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1100"/>
                            </p:stCondLst>
                            <p:childTnLst>
                              <p:par>
                                <p:cTn id="24" presetID="12" presetClass="entr" presetSubtype="4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6" dur="150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up)">
                                      <p:cBhvr>
                                        <p:cTn id="27" dur="15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500"/>
                            </p:stCondLst>
                            <p:childTnLst>
                              <p:par>
                                <p:cTn id="29" presetID="1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150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32" dur="15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1650"/>
                            </p:stCondLst>
                            <p:childTnLst>
                              <p:par>
                                <p:cTn id="34" presetID="1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6" dur="150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37" dur="1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1800"/>
                            </p:stCondLst>
                            <p:childTnLst>
                              <p:par>
                                <p:cTn id="39" presetID="12" presetClass="entr" presetSubtype="4" fill="hold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1" dur="150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up)">
                                      <p:cBhvr>
                                        <p:cTn id="42" dur="15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2200"/>
                            </p:stCondLst>
                            <p:childTnLst>
                              <p:par>
                                <p:cTn id="44" presetID="1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6" dur="150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47" dur="15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2350"/>
                            </p:stCondLst>
                            <p:childTnLst>
                              <p:par>
                                <p:cTn id="49" presetID="1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1" dur="150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52" dur="1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2500"/>
                            </p:stCondLst>
                            <p:childTnLst>
                              <p:par>
                                <p:cTn id="54" presetID="22" presetClass="entr" presetSubtype="8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6" dur="2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2950"/>
                            </p:stCondLst>
                            <p:childTnLst>
                              <p:par>
                                <p:cTn id="58" presetID="1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0" dur="150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down)">
                                      <p:cBhvr>
                                        <p:cTn id="61" dur="1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2" fill="hold">
                      <p:stCondLst>
                        <p:cond delay="indefinite"/>
                      </p:stCondLst>
                      <p:childTnLst>
                        <p:par>
                          <p:cTn id="63" fill="hold">
                            <p:stCondLst>
                              <p:cond delay="0"/>
                            </p:stCondLst>
                            <p:childTnLst>
                              <p:par>
                                <p:cTn id="6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15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150"/>
                            </p:stCondLst>
                            <p:childTnLst>
                              <p:par>
                                <p:cTn id="68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0" dur="15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300"/>
                            </p:stCondLst>
                            <p:childTnLst>
                              <p:par>
                                <p:cTn id="7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4" dur="15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5" fill="hold">
                            <p:stCondLst>
                              <p:cond delay="450"/>
                            </p:stCondLst>
                            <p:childTnLst>
                              <p:par>
                                <p:cTn id="76" presetID="1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8" dur="150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79" dur="15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600"/>
                            </p:stCondLst>
                            <p:childTnLst>
                              <p:par>
                                <p:cTn id="81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15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1000"/>
                            </p:stCondLst>
                            <p:childTnLst>
                              <p:par>
                                <p:cTn id="8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7" dur="1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1150"/>
                            </p:stCondLst>
                            <p:childTnLst>
                              <p:par>
                                <p:cTn id="8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1" dur="25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1400"/>
                            </p:stCondLst>
                            <p:childTnLst>
                              <p:par>
                                <p:cTn id="93" presetID="1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95" dur="150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96" dur="15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7" fill="hold">
                            <p:stCondLst>
                              <p:cond delay="1550"/>
                            </p:stCondLst>
                            <p:childTnLst>
                              <p:par>
                                <p:cTn id="98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0" dur="15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1" fill="hold">
                            <p:stCondLst>
                              <p:cond delay="1950"/>
                            </p:stCondLst>
                            <p:childTnLst>
                              <p:par>
                                <p:cTn id="102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4" dur="1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5" fill="hold">
                            <p:stCondLst>
                              <p:cond delay="2100"/>
                            </p:stCondLst>
                            <p:childTnLst>
                              <p:par>
                                <p:cTn id="10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8" dur="15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9" fill="hold">
                            <p:stCondLst>
                              <p:cond delay="2250"/>
                            </p:stCondLst>
                            <p:childTnLst>
                              <p:par>
                                <p:cTn id="110" presetID="1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2" dur="150"/>
                                        <p:tgtEl>
                                          <p:spTgt spid="8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113" dur="15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4" fill="hold">
                            <p:stCondLst>
                              <p:cond delay="2400"/>
                            </p:stCondLst>
                            <p:childTnLst>
                              <p:par>
                                <p:cTn id="115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7" dur="15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8" fill="hold">
                            <p:stCondLst>
                              <p:cond delay="2800"/>
                            </p:stCondLst>
                            <p:childTnLst>
                              <p:par>
                                <p:cTn id="11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1" dur="1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2" fill="hold">
                            <p:stCondLst>
                              <p:cond delay="2950"/>
                            </p:stCondLst>
                            <p:childTnLst>
                              <p:par>
                                <p:cTn id="12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5" dur="43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6" fill="hold">
                            <p:stCondLst>
                              <p:cond delay="3380"/>
                            </p:stCondLst>
                            <p:childTnLst>
                              <p:par>
                                <p:cTn id="127" presetID="1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9" dur="150"/>
                                        <p:tgtEl>
                                          <p:spTgt spid="8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130" dur="15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1" fill="hold">
                            <p:stCondLst>
                              <p:cond delay="3530"/>
                            </p:stCondLst>
                            <p:childTnLst>
                              <p:par>
                                <p:cTn id="132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4" dur="150"/>
                                        <p:tgtEl>
                                          <p:spTgt spid="8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5" fill="hold">
                            <p:stCondLst>
                              <p:cond delay="3930"/>
                            </p:stCondLst>
                            <p:childTnLst>
                              <p:par>
                                <p:cTn id="136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8" dur="15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9" fill="hold">
                            <p:stCondLst>
                              <p:cond delay="4080"/>
                            </p:stCondLst>
                            <p:childTnLst>
                              <p:par>
                                <p:cTn id="14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2" dur="430"/>
                                        <p:tgtEl>
                                          <p:spTgt spid="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3" fill="hold">
                            <p:stCondLst>
                              <p:cond delay="4510"/>
                            </p:stCondLst>
                            <p:childTnLst>
                              <p:par>
                                <p:cTn id="144" presetID="1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46" dur="150"/>
                                        <p:tgtEl>
                                          <p:spTgt spid="8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147" dur="150"/>
                                        <p:tgtEl>
                                          <p:spTgt spid="8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8" fill="hold">
                            <p:stCondLst>
                              <p:cond delay="4660"/>
                            </p:stCondLst>
                            <p:childTnLst>
                              <p:par>
                                <p:cTn id="149" presetID="10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1" dur="150"/>
                                        <p:tgtEl>
                                          <p:spTgt spid="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2" fill="hold">
                            <p:stCondLst>
                              <p:cond delay="5060"/>
                            </p:stCondLst>
                            <p:childTnLst>
                              <p:par>
                                <p:cTn id="153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5" dur="1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6" fill="hold">
                            <p:stCondLst>
                              <p:cond delay="5210"/>
                            </p:stCondLst>
                            <p:childTnLst>
                              <p:par>
                                <p:cTn id="15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9" dur="28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0" fill="hold">
                            <p:stCondLst>
                              <p:cond delay="5490"/>
                            </p:stCondLst>
                            <p:childTnLst>
                              <p:par>
                                <p:cTn id="161" presetID="1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63" dur="150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164" dur="15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1" grpId="0" animBg="1"/>
      <p:bldP spid="64" grpId="0" animBg="1"/>
      <p:bldP spid="72" grpId="0" animBg="1"/>
      <p:bldP spid="76" grpId="0"/>
      <p:bldP spid="77" grpId="0"/>
      <p:bldP spid="79" grpId="0"/>
      <p:bldP spid="80" grpId="0"/>
      <p:bldP spid="82" grpId="0"/>
      <p:bldP spid="83" grpId="0"/>
      <p:bldP spid="85" grpId="0"/>
      <p:bldP spid="86" grpId="0"/>
      <p:bldP spid="88" grpId="0"/>
      <p:bldP spid="89" grpId="0"/>
      <p:bldP spid="91" grpId="0"/>
      <p:bldP spid="92" grpId="0"/>
      <p:bldP spid="41" grpId="0" animBg="1"/>
      <p:bldP spid="75" grpId="0" animBg="1"/>
      <p:bldP spid="78" grpId="0" animBg="1"/>
      <p:bldP spid="81" grpId="0" animBg="1"/>
      <p:bldP spid="84" grpId="0" animBg="1"/>
      <p:bldP spid="87" grpId="0" animBg="1"/>
      <p:bldP spid="90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질문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93" name="직사각형 92"/>
          <p:cNvSpPr/>
          <p:nvPr/>
        </p:nvSpPr>
        <p:spPr>
          <a:xfrm>
            <a:off x="3192518" y="2873264"/>
            <a:ext cx="5922966" cy="203211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38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Q &amp; A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22097412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923442" y="215791"/>
            <a:ext cx="2345119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80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팀 이름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0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142" name="직사각형 141"/>
          <p:cNvSpPr/>
          <p:nvPr/>
        </p:nvSpPr>
        <p:spPr>
          <a:xfrm>
            <a:off x="3794908" y="2156573"/>
            <a:ext cx="5465785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ko-KR" altLang="en-US" sz="6600" dirty="0" smtClean="0">
                <a:solidFill>
                  <a:srgbClr val="C00000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대</a:t>
            </a:r>
            <a:r>
              <a:rPr lang="ko-KR" altLang="en-US" sz="66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 신</a:t>
            </a:r>
            <a:endParaRPr lang="ko-KR" altLang="en-US" sz="60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43" name="직사각형 142"/>
          <p:cNvSpPr/>
          <p:nvPr/>
        </p:nvSpPr>
        <p:spPr>
          <a:xfrm>
            <a:off x="3794909" y="3003644"/>
            <a:ext cx="5465784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ko-KR" altLang="en-US" sz="6600" dirty="0" smtClean="0">
                <a:solidFill>
                  <a:schemeClr val="accent4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귀</a:t>
            </a:r>
            <a:r>
              <a:rPr lang="ko-KR" altLang="en-US" sz="66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 여운</a:t>
            </a:r>
            <a:endParaRPr lang="ko-KR" altLang="en-US" sz="60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44" name="직사각형 143"/>
          <p:cNvSpPr/>
          <p:nvPr/>
        </p:nvSpPr>
        <p:spPr>
          <a:xfrm>
            <a:off x="3794908" y="3850715"/>
            <a:ext cx="5465785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ko-KR" altLang="en-US" sz="6600" dirty="0" smtClean="0">
                <a:solidFill>
                  <a:schemeClr val="accent6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현</a:t>
            </a:r>
            <a:r>
              <a:rPr lang="ko-KR" altLang="en-US" sz="66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 재혁을</a:t>
            </a:r>
            <a:endParaRPr lang="ko-KR" altLang="en-US" sz="60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45" name="직사각형 144"/>
          <p:cNvSpPr/>
          <p:nvPr/>
        </p:nvSpPr>
        <p:spPr>
          <a:xfrm>
            <a:off x="3794908" y="4697786"/>
            <a:ext cx="5465785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ko-KR" altLang="en-US" sz="6600" dirty="0" smtClean="0">
                <a:solidFill>
                  <a:schemeClr val="accent5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드</a:t>
            </a:r>
            <a:r>
              <a:rPr lang="ko-KR" altLang="en-US" sz="66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 </a:t>
            </a:r>
            <a:r>
              <a:rPr lang="ko-KR" altLang="en-US" sz="6600" dirty="0" err="1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리겠습니다</a:t>
            </a:r>
            <a:endParaRPr lang="ko-KR" altLang="en-US" sz="60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5308368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7" presetClass="emph" presetSubtype="0" fill="remove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6" dur="250" autoRev="1" fill="remove"/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bg1"/>
                                      </p:to>
                                    </p:animClr>
                                    <p:animClr clrSpc="rgb" dir="cw">
                                      <p:cBhvr>
                                        <p:cTn id="7" dur="250" autoRev="1" fill="remove"/>
                                        <p:tgtEl>
                                          <p:spTgt spid="14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bg1"/>
                                      </p:to>
                                    </p:animClr>
                                    <p:set>
                                      <p:cBhvr>
                                        <p:cTn id="8" dur="250" autoRev="1" fill="remove"/>
                                        <p:tgtEl>
                                          <p:spTgt spid="14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9" dur="250" autoRev="1" fill="remove"/>
                                        <p:tgtEl>
                                          <p:spTgt spid="142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27" presetClass="emph" presetSubtype="0" fill="remove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12" dur="250" autoRev="1" fill="remove"/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bg1"/>
                                      </p:to>
                                    </p:animClr>
                                    <p:animClr clrSpc="rgb" dir="cw">
                                      <p:cBhvr>
                                        <p:cTn id="13" dur="250" autoRev="1" fill="remove"/>
                                        <p:tgtEl>
                                          <p:spTgt spid="14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bg1"/>
                                      </p:to>
                                    </p:animClr>
                                    <p:set>
                                      <p:cBhvr>
                                        <p:cTn id="14" dur="250" autoRev="1" fill="remove"/>
                                        <p:tgtEl>
                                          <p:spTgt spid="14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5" dur="250" autoRev="1" fill="remove"/>
                                        <p:tgtEl>
                                          <p:spTgt spid="143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000"/>
                            </p:stCondLst>
                            <p:childTnLst>
                              <p:par>
                                <p:cTn id="17" presetID="27" presetClass="emph" presetSubtype="0" fill="remove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18" dur="250" autoRev="1" fill="remove"/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bg1"/>
                                      </p:to>
                                    </p:animClr>
                                    <p:animClr clrSpc="rgb" dir="cw">
                                      <p:cBhvr>
                                        <p:cTn id="19" dur="250" autoRev="1" fill="remove"/>
                                        <p:tgtEl>
                                          <p:spTgt spid="14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bg1"/>
                                      </p:to>
                                    </p:animClr>
                                    <p:set>
                                      <p:cBhvr>
                                        <p:cTn id="20" dur="250" autoRev="1" fill="remove"/>
                                        <p:tgtEl>
                                          <p:spTgt spid="14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1" dur="250" autoRev="1" fill="remove"/>
                                        <p:tgtEl>
                                          <p:spTgt spid="144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1500"/>
                            </p:stCondLst>
                            <p:childTnLst>
                              <p:par>
                                <p:cTn id="23" presetID="27" presetClass="emph" presetSubtype="0" fill="remove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24" dur="250" autoRev="1" fill="remove"/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bg1"/>
                                      </p:to>
                                    </p:animClr>
                                    <p:animClr clrSpc="rgb" dir="cw">
                                      <p:cBhvr>
                                        <p:cTn id="25" dur="250" autoRev="1" fill="remove"/>
                                        <p:tgtEl>
                                          <p:spTgt spid="145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bg1"/>
                                      </p:to>
                                    </p:animClr>
                                    <p:set>
                                      <p:cBhvr>
                                        <p:cTn id="26" dur="250" autoRev="1" fill="remove"/>
                                        <p:tgtEl>
                                          <p:spTgt spid="145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7" dur="250" autoRev="1" fill="remove"/>
                                        <p:tgtEl>
                                          <p:spTgt spid="145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2" grpId="0"/>
      <p:bldP spid="143" grpId="0"/>
      <p:bldP spid="144" grpId="0"/>
      <p:bldP spid="145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5065331" y="215791"/>
            <a:ext cx="2061340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8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역할 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239" name="직사각형 238"/>
          <p:cNvSpPr/>
          <p:nvPr/>
        </p:nvSpPr>
        <p:spPr>
          <a:xfrm>
            <a:off x="255497" y="3774517"/>
            <a:ext cx="11779135" cy="1524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8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grpSp>
        <p:nvGrpSpPr>
          <p:cNvPr id="25" name="그룹 24"/>
          <p:cNvGrpSpPr/>
          <p:nvPr/>
        </p:nvGrpSpPr>
        <p:grpSpPr>
          <a:xfrm>
            <a:off x="1472854" y="3103004"/>
            <a:ext cx="1495425" cy="1495425"/>
            <a:chOff x="1472854" y="3103004"/>
            <a:chExt cx="1495425" cy="1495425"/>
          </a:xfrm>
        </p:grpSpPr>
        <p:sp>
          <p:nvSpPr>
            <p:cNvPr id="4" name="타원 3"/>
            <p:cNvSpPr/>
            <p:nvPr/>
          </p:nvSpPr>
          <p:spPr>
            <a:xfrm>
              <a:off x="1472854" y="3103004"/>
              <a:ext cx="1495425" cy="1495425"/>
            </a:xfrm>
            <a:prstGeom prst="ellipse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3" name="타원 242"/>
            <p:cNvSpPr/>
            <p:nvPr/>
          </p:nvSpPr>
          <p:spPr>
            <a:xfrm>
              <a:off x="1616803" y="3246950"/>
              <a:ext cx="1207526" cy="1207526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256" name="그룹 255"/>
            <p:cNvGrpSpPr/>
            <p:nvPr/>
          </p:nvGrpSpPr>
          <p:grpSpPr>
            <a:xfrm>
              <a:off x="1815159" y="3531531"/>
              <a:ext cx="810814" cy="638363"/>
              <a:chOff x="9496" y="-2319582"/>
              <a:chExt cx="4281582" cy="3370935"/>
            </a:xfrm>
          </p:grpSpPr>
          <p:sp>
            <p:nvSpPr>
              <p:cNvPr id="257" name="직사각형 256"/>
              <p:cNvSpPr/>
              <p:nvPr/>
            </p:nvSpPr>
            <p:spPr>
              <a:xfrm>
                <a:off x="399308" y="-2319582"/>
                <a:ext cx="1750979" cy="2101174"/>
              </a:xfrm>
              <a:prstGeom prst="rect">
                <a:avLst/>
              </a:prstGeom>
              <a:solidFill>
                <a:srgbClr val="E6E6E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58" name="직사각형 257"/>
              <p:cNvSpPr/>
              <p:nvPr/>
            </p:nvSpPr>
            <p:spPr>
              <a:xfrm>
                <a:off x="552484" y="-2192080"/>
                <a:ext cx="1597803" cy="1846169"/>
              </a:xfrm>
              <a:prstGeom prst="rect">
                <a:avLst/>
              </a:prstGeom>
              <a:solidFill>
                <a:srgbClr val="33333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grpSp>
            <p:nvGrpSpPr>
              <p:cNvPr id="259" name="그룹 258"/>
              <p:cNvGrpSpPr/>
              <p:nvPr/>
            </p:nvGrpSpPr>
            <p:grpSpPr>
              <a:xfrm flipH="1">
                <a:off x="2150287" y="-2319582"/>
                <a:ext cx="1750979" cy="2101174"/>
                <a:chOff x="1579496" y="-2319582"/>
                <a:chExt cx="1750979" cy="2101174"/>
              </a:xfrm>
            </p:grpSpPr>
            <p:sp>
              <p:nvSpPr>
                <p:cNvPr id="265" name="직사각형 264"/>
                <p:cNvSpPr/>
                <p:nvPr/>
              </p:nvSpPr>
              <p:spPr>
                <a:xfrm>
                  <a:off x="1579496" y="-2319582"/>
                  <a:ext cx="1750979" cy="2101174"/>
                </a:xfrm>
                <a:prstGeom prst="rect">
                  <a:avLst/>
                </a:prstGeom>
                <a:solidFill>
                  <a:srgbClr val="CCCCCC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266" name="직사각형 265"/>
                <p:cNvSpPr/>
                <p:nvPr/>
              </p:nvSpPr>
              <p:spPr>
                <a:xfrm>
                  <a:off x="1732672" y="-2192080"/>
                  <a:ext cx="1597803" cy="1846169"/>
                </a:xfrm>
                <a:prstGeom prst="rect">
                  <a:avLst/>
                </a:prstGeom>
                <a:solidFill>
                  <a:srgbClr val="1A1A1A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</p:grpSp>
          <p:sp>
            <p:nvSpPr>
              <p:cNvPr id="260" name="사다리꼴 17"/>
              <p:cNvSpPr/>
              <p:nvPr/>
            </p:nvSpPr>
            <p:spPr>
              <a:xfrm>
                <a:off x="9496" y="-152056"/>
                <a:ext cx="2140791" cy="1203409"/>
              </a:xfrm>
              <a:custGeom>
                <a:avLst/>
                <a:gdLst>
                  <a:gd name="connsiteX0" fmla="*/ 0 w 1916350"/>
                  <a:gd name="connsiteY0" fmla="*/ 1203409 h 1203409"/>
                  <a:gd name="connsiteX1" fmla="*/ 300852 w 1916350"/>
                  <a:gd name="connsiteY1" fmla="*/ 0 h 1203409"/>
                  <a:gd name="connsiteX2" fmla="*/ 1615498 w 1916350"/>
                  <a:gd name="connsiteY2" fmla="*/ 0 h 1203409"/>
                  <a:gd name="connsiteX3" fmla="*/ 1916350 w 1916350"/>
                  <a:gd name="connsiteY3" fmla="*/ 1203409 h 1203409"/>
                  <a:gd name="connsiteX4" fmla="*/ 0 w 1916350"/>
                  <a:gd name="connsiteY4" fmla="*/ 1203409 h 1203409"/>
                  <a:gd name="connsiteX0" fmla="*/ 0 w 1917055"/>
                  <a:gd name="connsiteY0" fmla="*/ 1203409 h 1203409"/>
                  <a:gd name="connsiteX1" fmla="*/ 300852 w 1917055"/>
                  <a:gd name="connsiteY1" fmla="*/ 0 h 1203409"/>
                  <a:gd name="connsiteX2" fmla="*/ 1917055 w 1917055"/>
                  <a:gd name="connsiteY2" fmla="*/ 0 h 1203409"/>
                  <a:gd name="connsiteX3" fmla="*/ 1916350 w 1917055"/>
                  <a:gd name="connsiteY3" fmla="*/ 1203409 h 1203409"/>
                  <a:gd name="connsiteX4" fmla="*/ 0 w 1917055"/>
                  <a:gd name="connsiteY4" fmla="*/ 1203409 h 1203409"/>
                  <a:gd name="connsiteX0" fmla="*/ 0 w 1917055"/>
                  <a:gd name="connsiteY0" fmla="*/ 1203409 h 1203409"/>
                  <a:gd name="connsiteX1" fmla="*/ 184120 w 1917055"/>
                  <a:gd name="connsiteY1" fmla="*/ 9728 h 1203409"/>
                  <a:gd name="connsiteX2" fmla="*/ 1917055 w 1917055"/>
                  <a:gd name="connsiteY2" fmla="*/ 0 h 1203409"/>
                  <a:gd name="connsiteX3" fmla="*/ 1916350 w 1917055"/>
                  <a:gd name="connsiteY3" fmla="*/ 1203409 h 1203409"/>
                  <a:gd name="connsiteX4" fmla="*/ 0 w 1917055"/>
                  <a:gd name="connsiteY4" fmla="*/ 1203409 h 1203409"/>
                  <a:gd name="connsiteX0" fmla="*/ 0 w 2111608"/>
                  <a:gd name="connsiteY0" fmla="*/ 1193681 h 1203409"/>
                  <a:gd name="connsiteX1" fmla="*/ 378673 w 2111608"/>
                  <a:gd name="connsiteY1" fmla="*/ 9728 h 1203409"/>
                  <a:gd name="connsiteX2" fmla="*/ 2111608 w 2111608"/>
                  <a:gd name="connsiteY2" fmla="*/ 0 h 1203409"/>
                  <a:gd name="connsiteX3" fmla="*/ 2110903 w 2111608"/>
                  <a:gd name="connsiteY3" fmla="*/ 1203409 h 1203409"/>
                  <a:gd name="connsiteX4" fmla="*/ 0 w 2111608"/>
                  <a:gd name="connsiteY4" fmla="*/ 1193681 h 1203409"/>
                  <a:gd name="connsiteX0" fmla="*/ 0 w 2140791"/>
                  <a:gd name="connsiteY0" fmla="*/ 1193681 h 1203409"/>
                  <a:gd name="connsiteX1" fmla="*/ 407856 w 2140791"/>
                  <a:gd name="connsiteY1" fmla="*/ 9728 h 1203409"/>
                  <a:gd name="connsiteX2" fmla="*/ 2140791 w 2140791"/>
                  <a:gd name="connsiteY2" fmla="*/ 0 h 1203409"/>
                  <a:gd name="connsiteX3" fmla="*/ 2140086 w 2140791"/>
                  <a:gd name="connsiteY3" fmla="*/ 1203409 h 1203409"/>
                  <a:gd name="connsiteX4" fmla="*/ 0 w 2140791"/>
                  <a:gd name="connsiteY4" fmla="*/ 1193681 h 12034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140791" h="1203409">
                    <a:moveTo>
                      <a:pt x="0" y="1193681"/>
                    </a:moveTo>
                    <a:lnTo>
                      <a:pt x="407856" y="9728"/>
                    </a:lnTo>
                    <a:lnTo>
                      <a:pt x="2140791" y="0"/>
                    </a:lnTo>
                    <a:lnTo>
                      <a:pt x="2140086" y="1203409"/>
                    </a:lnTo>
                    <a:lnTo>
                      <a:pt x="0" y="1193681"/>
                    </a:lnTo>
                    <a:close/>
                  </a:path>
                </a:pathLst>
              </a:custGeom>
              <a:solidFill>
                <a:srgbClr val="E6E6E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61" name="사다리꼴 17"/>
              <p:cNvSpPr/>
              <p:nvPr/>
            </p:nvSpPr>
            <p:spPr>
              <a:xfrm flipH="1">
                <a:off x="2150287" y="-152056"/>
                <a:ext cx="2140791" cy="1203409"/>
              </a:xfrm>
              <a:custGeom>
                <a:avLst/>
                <a:gdLst>
                  <a:gd name="connsiteX0" fmla="*/ 0 w 1916350"/>
                  <a:gd name="connsiteY0" fmla="*/ 1203409 h 1203409"/>
                  <a:gd name="connsiteX1" fmla="*/ 300852 w 1916350"/>
                  <a:gd name="connsiteY1" fmla="*/ 0 h 1203409"/>
                  <a:gd name="connsiteX2" fmla="*/ 1615498 w 1916350"/>
                  <a:gd name="connsiteY2" fmla="*/ 0 h 1203409"/>
                  <a:gd name="connsiteX3" fmla="*/ 1916350 w 1916350"/>
                  <a:gd name="connsiteY3" fmla="*/ 1203409 h 1203409"/>
                  <a:gd name="connsiteX4" fmla="*/ 0 w 1916350"/>
                  <a:gd name="connsiteY4" fmla="*/ 1203409 h 1203409"/>
                  <a:gd name="connsiteX0" fmla="*/ 0 w 1917055"/>
                  <a:gd name="connsiteY0" fmla="*/ 1203409 h 1203409"/>
                  <a:gd name="connsiteX1" fmla="*/ 300852 w 1917055"/>
                  <a:gd name="connsiteY1" fmla="*/ 0 h 1203409"/>
                  <a:gd name="connsiteX2" fmla="*/ 1917055 w 1917055"/>
                  <a:gd name="connsiteY2" fmla="*/ 0 h 1203409"/>
                  <a:gd name="connsiteX3" fmla="*/ 1916350 w 1917055"/>
                  <a:gd name="connsiteY3" fmla="*/ 1203409 h 1203409"/>
                  <a:gd name="connsiteX4" fmla="*/ 0 w 1917055"/>
                  <a:gd name="connsiteY4" fmla="*/ 1203409 h 1203409"/>
                  <a:gd name="connsiteX0" fmla="*/ 0 w 1917055"/>
                  <a:gd name="connsiteY0" fmla="*/ 1203409 h 1203409"/>
                  <a:gd name="connsiteX1" fmla="*/ 184120 w 1917055"/>
                  <a:gd name="connsiteY1" fmla="*/ 9728 h 1203409"/>
                  <a:gd name="connsiteX2" fmla="*/ 1917055 w 1917055"/>
                  <a:gd name="connsiteY2" fmla="*/ 0 h 1203409"/>
                  <a:gd name="connsiteX3" fmla="*/ 1916350 w 1917055"/>
                  <a:gd name="connsiteY3" fmla="*/ 1203409 h 1203409"/>
                  <a:gd name="connsiteX4" fmla="*/ 0 w 1917055"/>
                  <a:gd name="connsiteY4" fmla="*/ 1203409 h 1203409"/>
                  <a:gd name="connsiteX0" fmla="*/ 0 w 2111608"/>
                  <a:gd name="connsiteY0" fmla="*/ 1193681 h 1203409"/>
                  <a:gd name="connsiteX1" fmla="*/ 378673 w 2111608"/>
                  <a:gd name="connsiteY1" fmla="*/ 9728 h 1203409"/>
                  <a:gd name="connsiteX2" fmla="*/ 2111608 w 2111608"/>
                  <a:gd name="connsiteY2" fmla="*/ 0 h 1203409"/>
                  <a:gd name="connsiteX3" fmla="*/ 2110903 w 2111608"/>
                  <a:gd name="connsiteY3" fmla="*/ 1203409 h 1203409"/>
                  <a:gd name="connsiteX4" fmla="*/ 0 w 2111608"/>
                  <a:gd name="connsiteY4" fmla="*/ 1193681 h 1203409"/>
                  <a:gd name="connsiteX0" fmla="*/ 0 w 2140791"/>
                  <a:gd name="connsiteY0" fmla="*/ 1193681 h 1203409"/>
                  <a:gd name="connsiteX1" fmla="*/ 407856 w 2140791"/>
                  <a:gd name="connsiteY1" fmla="*/ 9728 h 1203409"/>
                  <a:gd name="connsiteX2" fmla="*/ 2140791 w 2140791"/>
                  <a:gd name="connsiteY2" fmla="*/ 0 h 1203409"/>
                  <a:gd name="connsiteX3" fmla="*/ 2140086 w 2140791"/>
                  <a:gd name="connsiteY3" fmla="*/ 1203409 h 1203409"/>
                  <a:gd name="connsiteX4" fmla="*/ 0 w 2140791"/>
                  <a:gd name="connsiteY4" fmla="*/ 1193681 h 12034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140791" h="1203409">
                    <a:moveTo>
                      <a:pt x="0" y="1193681"/>
                    </a:moveTo>
                    <a:lnTo>
                      <a:pt x="407856" y="9728"/>
                    </a:lnTo>
                    <a:lnTo>
                      <a:pt x="2140791" y="0"/>
                    </a:lnTo>
                    <a:lnTo>
                      <a:pt x="2140086" y="1203409"/>
                    </a:lnTo>
                    <a:lnTo>
                      <a:pt x="0" y="1193681"/>
                    </a:lnTo>
                    <a:close/>
                  </a:path>
                </a:pathLst>
              </a:custGeom>
              <a:solidFill>
                <a:srgbClr val="CCCCCC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grpSp>
            <p:nvGrpSpPr>
              <p:cNvPr id="262" name="그룹 261"/>
              <p:cNvGrpSpPr/>
              <p:nvPr/>
            </p:nvGrpSpPr>
            <p:grpSpPr>
              <a:xfrm>
                <a:off x="1637963" y="533391"/>
                <a:ext cx="1024647" cy="287994"/>
                <a:chOff x="-119975" y="1473768"/>
                <a:chExt cx="4281582" cy="1203409"/>
              </a:xfrm>
            </p:grpSpPr>
            <p:sp>
              <p:nvSpPr>
                <p:cNvPr id="263" name="사다리꼴 17"/>
                <p:cNvSpPr/>
                <p:nvPr/>
              </p:nvSpPr>
              <p:spPr>
                <a:xfrm>
                  <a:off x="-119975" y="1473768"/>
                  <a:ext cx="2140791" cy="1203409"/>
                </a:xfrm>
                <a:custGeom>
                  <a:avLst/>
                  <a:gdLst>
                    <a:gd name="connsiteX0" fmla="*/ 0 w 1916350"/>
                    <a:gd name="connsiteY0" fmla="*/ 1203409 h 1203409"/>
                    <a:gd name="connsiteX1" fmla="*/ 300852 w 1916350"/>
                    <a:gd name="connsiteY1" fmla="*/ 0 h 1203409"/>
                    <a:gd name="connsiteX2" fmla="*/ 1615498 w 1916350"/>
                    <a:gd name="connsiteY2" fmla="*/ 0 h 1203409"/>
                    <a:gd name="connsiteX3" fmla="*/ 1916350 w 1916350"/>
                    <a:gd name="connsiteY3" fmla="*/ 1203409 h 1203409"/>
                    <a:gd name="connsiteX4" fmla="*/ 0 w 1916350"/>
                    <a:gd name="connsiteY4" fmla="*/ 1203409 h 1203409"/>
                    <a:gd name="connsiteX0" fmla="*/ 0 w 1917055"/>
                    <a:gd name="connsiteY0" fmla="*/ 1203409 h 1203409"/>
                    <a:gd name="connsiteX1" fmla="*/ 300852 w 1917055"/>
                    <a:gd name="connsiteY1" fmla="*/ 0 h 1203409"/>
                    <a:gd name="connsiteX2" fmla="*/ 1917055 w 1917055"/>
                    <a:gd name="connsiteY2" fmla="*/ 0 h 1203409"/>
                    <a:gd name="connsiteX3" fmla="*/ 1916350 w 1917055"/>
                    <a:gd name="connsiteY3" fmla="*/ 1203409 h 1203409"/>
                    <a:gd name="connsiteX4" fmla="*/ 0 w 1917055"/>
                    <a:gd name="connsiteY4" fmla="*/ 1203409 h 1203409"/>
                    <a:gd name="connsiteX0" fmla="*/ 0 w 1917055"/>
                    <a:gd name="connsiteY0" fmla="*/ 1203409 h 1203409"/>
                    <a:gd name="connsiteX1" fmla="*/ 184120 w 1917055"/>
                    <a:gd name="connsiteY1" fmla="*/ 9728 h 1203409"/>
                    <a:gd name="connsiteX2" fmla="*/ 1917055 w 1917055"/>
                    <a:gd name="connsiteY2" fmla="*/ 0 h 1203409"/>
                    <a:gd name="connsiteX3" fmla="*/ 1916350 w 1917055"/>
                    <a:gd name="connsiteY3" fmla="*/ 1203409 h 1203409"/>
                    <a:gd name="connsiteX4" fmla="*/ 0 w 1917055"/>
                    <a:gd name="connsiteY4" fmla="*/ 1203409 h 1203409"/>
                    <a:gd name="connsiteX0" fmla="*/ 0 w 2111608"/>
                    <a:gd name="connsiteY0" fmla="*/ 1193681 h 1203409"/>
                    <a:gd name="connsiteX1" fmla="*/ 378673 w 2111608"/>
                    <a:gd name="connsiteY1" fmla="*/ 9728 h 1203409"/>
                    <a:gd name="connsiteX2" fmla="*/ 2111608 w 2111608"/>
                    <a:gd name="connsiteY2" fmla="*/ 0 h 1203409"/>
                    <a:gd name="connsiteX3" fmla="*/ 2110903 w 2111608"/>
                    <a:gd name="connsiteY3" fmla="*/ 1203409 h 1203409"/>
                    <a:gd name="connsiteX4" fmla="*/ 0 w 2111608"/>
                    <a:gd name="connsiteY4" fmla="*/ 1193681 h 1203409"/>
                    <a:gd name="connsiteX0" fmla="*/ 0 w 2140791"/>
                    <a:gd name="connsiteY0" fmla="*/ 1193681 h 1203409"/>
                    <a:gd name="connsiteX1" fmla="*/ 407856 w 2140791"/>
                    <a:gd name="connsiteY1" fmla="*/ 9728 h 1203409"/>
                    <a:gd name="connsiteX2" fmla="*/ 2140791 w 2140791"/>
                    <a:gd name="connsiteY2" fmla="*/ 0 h 1203409"/>
                    <a:gd name="connsiteX3" fmla="*/ 2140086 w 2140791"/>
                    <a:gd name="connsiteY3" fmla="*/ 1203409 h 1203409"/>
                    <a:gd name="connsiteX4" fmla="*/ 0 w 2140791"/>
                    <a:gd name="connsiteY4" fmla="*/ 1193681 h 120340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2140791" h="1203409">
                      <a:moveTo>
                        <a:pt x="0" y="1193681"/>
                      </a:moveTo>
                      <a:lnTo>
                        <a:pt x="407856" y="9728"/>
                      </a:lnTo>
                      <a:lnTo>
                        <a:pt x="2140791" y="0"/>
                      </a:lnTo>
                      <a:lnTo>
                        <a:pt x="2140086" y="1203409"/>
                      </a:lnTo>
                      <a:lnTo>
                        <a:pt x="0" y="1193681"/>
                      </a:lnTo>
                      <a:close/>
                    </a:path>
                  </a:pathLst>
                </a:custGeom>
                <a:solidFill>
                  <a:srgbClr val="333333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264" name="사다리꼴 17"/>
                <p:cNvSpPr/>
                <p:nvPr/>
              </p:nvSpPr>
              <p:spPr>
                <a:xfrm flipH="1">
                  <a:off x="2020816" y="1473768"/>
                  <a:ext cx="2140791" cy="1203409"/>
                </a:xfrm>
                <a:custGeom>
                  <a:avLst/>
                  <a:gdLst>
                    <a:gd name="connsiteX0" fmla="*/ 0 w 1916350"/>
                    <a:gd name="connsiteY0" fmla="*/ 1203409 h 1203409"/>
                    <a:gd name="connsiteX1" fmla="*/ 300852 w 1916350"/>
                    <a:gd name="connsiteY1" fmla="*/ 0 h 1203409"/>
                    <a:gd name="connsiteX2" fmla="*/ 1615498 w 1916350"/>
                    <a:gd name="connsiteY2" fmla="*/ 0 h 1203409"/>
                    <a:gd name="connsiteX3" fmla="*/ 1916350 w 1916350"/>
                    <a:gd name="connsiteY3" fmla="*/ 1203409 h 1203409"/>
                    <a:gd name="connsiteX4" fmla="*/ 0 w 1916350"/>
                    <a:gd name="connsiteY4" fmla="*/ 1203409 h 1203409"/>
                    <a:gd name="connsiteX0" fmla="*/ 0 w 1917055"/>
                    <a:gd name="connsiteY0" fmla="*/ 1203409 h 1203409"/>
                    <a:gd name="connsiteX1" fmla="*/ 300852 w 1917055"/>
                    <a:gd name="connsiteY1" fmla="*/ 0 h 1203409"/>
                    <a:gd name="connsiteX2" fmla="*/ 1917055 w 1917055"/>
                    <a:gd name="connsiteY2" fmla="*/ 0 h 1203409"/>
                    <a:gd name="connsiteX3" fmla="*/ 1916350 w 1917055"/>
                    <a:gd name="connsiteY3" fmla="*/ 1203409 h 1203409"/>
                    <a:gd name="connsiteX4" fmla="*/ 0 w 1917055"/>
                    <a:gd name="connsiteY4" fmla="*/ 1203409 h 1203409"/>
                    <a:gd name="connsiteX0" fmla="*/ 0 w 1917055"/>
                    <a:gd name="connsiteY0" fmla="*/ 1203409 h 1203409"/>
                    <a:gd name="connsiteX1" fmla="*/ 184120 w 1917055"/>
                    <a:gd name="connsiteY1" fmla="*/ 9728 h 1203409"/>
                    <a:gd name="connsiteX2" fmla="*/ 1917055 w 1917055"/>
                    <a:gd name="connsiteY2" fmla="*/ 0 h 1203409"/>
                    <a:gd name="connsiteX3" fmla="*/ 1916350 w 1917055"/>
                    <a:gd name="connsiteY3" fmla="*/ 1203409 h 1203409"/>
                    <a:gd name="connsiteX4" fmla="*/ 0 w 1917055"/>
                    <a:gd name="connsiteY4" fmla="*/ 1203409 h 1203409"/>
                    <a:gd name="connsiteX0" fmla="*/ 0 w 2111608"/>
                    <a:gd name="connsiteY0" fmla="*/ 1193681 h 1203409"/>
                    <a:gd name="connsiteX1" fmla="*/ 378673 w 2111608"/>
                    <a:gd name="connsiteY1" fmla="*/ 9728 h 1203409"/>
                    <a:gd name="connsiteX2" fmla="*/ 2111608 w 2111608"/>
                    <a:gd name="connsiteY2" fmla="*/ 0 h 1203409"/>
                    <a:gd name="connsiteX3" fmla="*/ 2110903 w 2111608"/>
                    <a:gd name="connsiteY3" fmla="*/ 1203409 h 1203409"/>
                    <a:gd name="connsiteX4" fmla="*/ 0 w 2111608"/>
                    <a:gd name="connsiteY4" fmla="*/ 1193681 h 1203409"/>
                    <a:gd name="connsiteX0" fmla="*/ 0 w 2140791"/>
                    <a:gd name="connsiteY0" fmla="*/ 1193681 h 1203409"/>
                    <a:gd name="connsiteX1" fmla="*/ 407856 w 2140791"/>
                    <a:gd name="connsiteY1" fmla="*/ 9728 h 1203409"/>
                    <a:gd name="connsiteX2" fmla="*/ 2140791 w 2140791"/>
                    <a:gd name="connsiteY2" fmla="*/ 0 h 1203409"/>
                    <a:gd name="connsiteX3" fmla="*/ 2140086 w 2140791"/>
                    <a:gd name="connsiteY3" fmla="*/ 1203409 h 1203409"/>
                    <a:gd name="connsiteX4" fmla="*/ 0 w 2140791"/>
                    <a:gd name="connsiteY4" fmla="*/ 1193681 h 120340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2140791" h="1203409">
                      <a:moveTo>
                        <a:pt x="0" y="1193681"/>
                      </a:moveTo>
                      <a:lnTo>
                        <a:pt x="407856" y="9728"/>
                      </a:lnTo>
                      <a:lnTo>
                        <a:pt x="2140791" y="0"/>
                      </a:lnTo>
                      <a:lnTo>
                        <a:pt x="2140086" y="1203409"/>
                      </a:lnTo>
                      <a:lnTo>
                        <a:pt x="0" y="1193681"/>
                      </a:lnTo>
                      <a:close/>
                    </a:path>
                  </a:pathLst>
                </a:custGeom>
                <a:solidFill>
                  <a:srgbClr val="1A1A1A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</p:grpSp>
        </p:grpSp>
      </p:grpSp>
      <p:grpSp>
        <p:nvGrpSpPr>
          <p:cNvPr id="24" name="그룹 23"/>
          <p:cNvGrpSpPr/>
          <p:nvPr/>
        </p:nvGrpSpPr>
        <p:grpSpPr>
          <a:xfrm>
            <a:off x="4061685" y="3103003"/>
            <a:ext cx="1495425" cy="1495425"/>
            <a:chOff x="4061685" y="3103003"/>
            <a:chExt cx="1495425" cy="1495425"/>
          </a:xfrm>
        </p:grpSpPr>
        <p:sp>
          <p:nvSpPr>
            <p:cNvPr id="240" name="타원 239"/>
            <p:cNvSpPr/>
            <p:nvPr/>
          </p:nvSpPr>
          <p:spPr>
            <a:xfrm>
              <a:off x="4061685" y="3103003"/>
              <a:ext cx="1495425" cy="1495425"/>
            </a:xfrm>
            <a:prstGeom prst="ellipse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4" name="타원 243"/>
            <p:cNvSpPr/>
            <p:nvPr/>
          </p:nvSpPr>
          <p:spPr>
            <a:xfrm>
              <a:off x="4200877" y="3238500"/>
              <a:ext cx="1207526" cy="1207526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271" name="그룹 270"/>
            <p:cNvGrpSpPr/>
            <p:nvPr/>
          </p:nvGrpSpPr>
          <p:grpSpPr>
            <a:xfrm rot="19800000">
              <a:off x="4660776" y="3385003"/>
              <a:ext cx="287769" cy="931417"/>
              <a:chOff x="7754459" y="281281"/>
              <a:chExt cx="364108" cy="1179387"/>
            </a:xfrm>
          </p:grpSpPr>
          <p:sp>
            <p:nvSpPr>
              <p:cNvPr id="272" name="직사각형 271"/>
              <p:cNvSpPr/>
              <p:nvPr/>
            </p:nvSpPr>
            <p:spPr>
              <a:xfrm>
                <a:off x="7820928" y="281281"/>
                <a:ext cx="114965" cy="83947"/>
              </a:xfrm>
              <a:prstGeom prst="rect">
                <a:avLst/>
              </a:prstGeom>
              <a:solidFill>
                <a:srgbClr val="DADADA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73" name="직사각형 272"/>
              <p:cNvSpPr/>
              <p:nvPr/>
            </p:nvSpPr>
            <p:spPr>
              <a:xfrm>
                <a:off x="7850168" y="361417"/>
                <a:ext cx="85725" cy="18000"/>
              </a:xfrm>
              <a:prstGeom prst="rect">
                <a:avLst/>
              </a:prstGeom>
              <a:solidFill>
                <a:srgbClr val="ACACAC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74" name="직사각형 273"/>
              <p:cNvSpPr/>
              <p:nvPr/>
            </p:nvSpPr>
            <p:spPr>
              <a:xfrm rot="5400000">
                <a:off x="7814534" y="319969"/>
                <a:ext cx="85725" cy="18000"/>
              </a:xfrm>
              <a:prstGeom prst="rect">
                <a:avLst/>
              </a:prstGeom>
              <a:solidFill>
                <a:srgbClr val="ACACAC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75" name="직사각형 274"/>
              <p:cNvSpPr/>
              <p:nvPr/>
            </p:nvSpPr>
            <p:spPr>
              <a:xfrm rot="5400000">
                <a:off x="7858282" y="316211"/>
                <a:ext cx="85725" cy="18000"/>
              </a:xfrm>
              <a:prstGeom prst="rect">
                <a:avLst/>
              </a:prstGeom>
              <a:solidFill>
                <a:srgbClr val="ACACAC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76" name="직사각형 275"/>
              <p:cNvSpPr/>
              <p:nvPr/>
            </p:nvSpPr>
            <p:spPr>
              <a:xfrm>
                <a:off x="7850168" y="375607"/>
                <a:ext cx="85725" cy="28800"/>
              </a:xfrm>
              <a:prstGeom prst="rect">
                <a:avLst/>
              </a:prstGeom>
              <a:solidFill>
                <a:srgbClr val="D5D5D5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77" name="직사각형 276"/>
              <p:cNvSpPr/>
              <p:nvPr/>
            </p:nvSpPr>
            <p:spPr>
              <a:xfrm flipH="1">
                <a:off x="7934915" y="281281"/>
                <a:ext cx="114965" cy="83947"/>
              </a:xfrm>
              <a:prstGeom prst="rect">
                <a:avLst/>
              </a:prstGeom>
              <a:solidFill>
                <a:srgbClr val="ACACAC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78" name="직사각형 277"/>
              <p:cNvSpPr/>
              <p:nvPr/>
            </p:nvSpPr>
            <p:spPr>
              <a:xfrm rot="16200000" flipH="1">
                <a:off x="7970549" y="319969"/>
                <a:ext cx="85725" cy="18000"/>
              </a:xfrm>
              <a:prstGeom prst="rect">
                <a:avLst/>
              </a:prstGeom>
              <a:solidFill>
                <a:srgbClr val="9E9E9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79" name="직사각형 278"/>
              <p:cNvSpPr/>
              <p:nvPr/>
            </p:nvSpPr>
            <p:spPr>
              <a:xfrm rot="16200000" flipH="1">
                <a:off x="7926801" y="320021"/>
                <a:ext cx="85725" cy="18000"/>
              </a:xfrm>
              <a:prstGeom prst="rect">
                <a:avLst/>
              </a:prstGeom>
              <a:solidFill>
                <a:srgbClr val="9E9E9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80" name="직사각형 279"/>
              <p:cNvSpPr/>
              <p:nvPr/>
            </p:nvSpPr>
            <p:spPr>
              <a:xfrm flipH="1">
                <a:off x="7934914" y="358688"/>
                <a:ext cx="85725" cy="45719"/>
              </a:xfrm>
              <a:prstGeom prst="rect">
                <a:avLst/>
              </a:prstGeom>
              <a:solidFill>
                <a:srgbClr val="ADADA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81" name="직사각형 280"/>
              <p:cNvSpPr/>
              <p:nvPr/>
            </p:nvSpPr>
            <p:spPr>
              <a:xfrm flipH="1">
                <a:off x="7934915" y="357607"/>
                <a:ext cx="85725" cy="18000"/>
              </a:xfrm>
              <a:prstGeom prst="rect">
                <a:avLst/>
              </a:prstGeom>
              <a:solidFill>
                <a:srgbClr val="8A8A8A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82" name="사다리꼴 47"/>
              <p:cNvSpPr/>
              <p:nvPr/>
            </p:nvSpPr>
            <p:spPr>
              <a:xfrm>
                <a:off x="7778859" y="404813"/>
                <a:ext cx="156056" cy="97090"/>
              </a:xfrm>
              <a:custGeom>
                <a:avLst/>
                <a:gdLst>
                  <a:gd name="connsiteX0" fmla="*/ 0 w 138479"/>
                  <a:gd name="connsiteY0" fmla="*/ 97090 h 97090"/>
                  <a:gd name="connsiteX1" fmla="*/ 24273 w 138479"/>
                  <a:gd name="connsiteY1" fmla="*/ 0 h 97090"/>
                  <a:gd name="connsiteX2" fmla="*/ 114207 w 138479"/>
                  <a:gd name="connsiteY2" fmla="*/ 0 h 97090"/>
                  <a:gd name="connsiteX3" fmla="*/ 138479 w 138479"/>
                  <a:gd name="connsiteY3" fmla="*/ 97090 h 97090"/>
                  <a:gd name="connsiteX4" fmla="*/ 0 w 138479"/>
                  <a:gd name="connsiteY4" fmla="*/ 97090 h 97090"/>
                  <a:gd name="connsiteX0" fmla="*/ 0 w 138972"/>
                  <a:gd name="connsiteY0" fmla="*/ 97090 h 97090"/>
                  <a:gd name="connsiteX1" fmla="*/ 24273 w 138972"/>
                  <a:gd name="connsiteY1" fmla="*/ 0 h 97090"/>
                  <a:gd name="connsiteX2" fmla="*/ 138972 w 138972"/>
                  <a:gd name="connsiteY2" fmla="*/ 0 h 97090"/>
                  <a:gd name="connsiteX3" fmla="*/ 138479 w 138972"/>
                  <a:gd name="connsiteY3" fmla="*/ 97090 h 97090"/>
                  <a:gd name="connsiteX4" fmla="*/ 0 w 138972"/>
                  <a:gd name="connsiteY4" fmla="*/ 97090 h 97090"/>
                  <a:gd name="connsiteX0" fmla="*/ 0 w 138972"/>
                  <a:gd name="connsiteY0" fmla="*/ 97090 h 97090"/>
                  <a:gd name="connsiteX1" fmla="*/ 58563 w 138972"/>
                  <a:gd name="connsiteY1" fmla="*/ 0 h 97090"/>
                  <a:gd name="connsiteX2" fmla="*/ 138972 w 138972"/>
                  <a:gd name="connsiteY2" fmla="*/ 0 h 97090"/>
                  <a:gd name="connsiteX3" fmla="*/ 138479 w 138972"/>
                  <a:gd name="connsiteY3" fmla="*/ 97090 h 97090"/>
                  <a:gd name="connsiteX4" fmla="*/ 0 w 138972"/>
                  <a:gd name="connsiteY4" fmla="*/ 97090 h 97090"/>
                  <a:gd name="connsiteX0" fmla="*/ 0 w 150402"/>
                  <a:gd name="connsiteY0" fmla="*/ 97090 h 97090"/>
                  <a:gd name="connsiteX1" fmla="*/ 69993 w 150402"/>
                  <a:gd name="connsiteY1" fmla="*/ 0 h 97090"/>
                  <a:gd name="connsiteX2" fmla="*/ 150402 w 150402"/>
                  <a:gd name="connsiteY2" fmla="*/ 0 h 97090"/>
                  <a:gd name="connsiteX3" fmla="*/ 149909 w 150402"/>
                  <a:gd name="connsiteY3" fmla="*/ 97090 h 97090"/>
                  <a:gd name="connsiteX4" fmla="*/ 0 w 150402"/>
                  <a:gd name="connsiteY4" fmla="*/ 97090 h 970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50402" h="97090">
                    <a:moveTo>
                      <a:pt x="0" y="97090"/>
                    </a:moveTo>
                    <a:lnTo>
                      <a:pt x="69993" y="0"/>
                    </a:lnTo>
                    <a:lnTo>
                      <a:pt x="150402" y="0"/>
                    </a:lnTo>
                    <a:cubicBezTo>
                      <a:pt x="150238" y="32363"/>
                      <a:pt x="150073" y="64727"/>
                      <a:pt x="149909" y="97090"/>
                    </a:cubicBezTo>
                    <a:lnTo>
                      <a:pt x="0" y="97090"/>
                    </a:lnTo>
                    <a:close/>
                  </a:path>
                </a:pathLst>
              </a:custGeom>
              <a:solidFill>
                <a:srgbClr val="C2C2C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83" name="사다리꼴 47"/>
              <p:cNvSpPr/>
              <p:nvPr/>
            </p:nvSpPr>
            <p:spPr>
              <a:xfrm flipH="1">
                <a:off x="7934915" y="403247"/>
                <a:ext cx="156056" cy="97090"/>
              </a:xfrm>
              <a:custGeom>
                <a:avLst/>
                <a:gdLst>
                  <a:gd name="connsiteX0" fmla="*/ 0 w 138479"/>
                  <a:gd name="connsiteY0" fmla="*/ 97090 h 97090"/>
                  <a:gd name="connsiteX1" fmla="*/ 24273 w 138479"/>
                  <a:gd name="connsiteY1" fmla="*/ 0 h 97090"/>
                  <a:gd name="connsiteX2" fmla="*/ 114207 w 138479"/>
                  <a:gd name="connsiteY2" fmla="*/ 0 h 97090"/>
                  <a:gd name="connsiteX3" fmla="*/ 138479 w 138479"/>
                  <a:gd name="connsiteY3" fmla="*/ 97090 h 97090"/>
                  <a:gd name="connsiteX4" fmla="*/ 0 w 138479"/>
                  <a:gd name="connsiteY4" fmla="*/ 97090 h 97090"/>
                  <a:gd name="connsiteX0" fmla="*/ 0 w 138972"/>
                  <a:gd name="connsiteY0" fmla="*/ 97090 h 97090"/>
                  <a:gd name="connsiteX1" fmla="*/ 24273 w 138972"/>
                  <a:gd name="connsiteY1" fmla="*/ 0 h 97090"/>
                  <a:gd name="connsiteX2" fmla="*/ 138972 w 138972"/>
                  <a:gd name="connsiteY2" fmla="*/ 0 h 97090"/>
                  <a:gd name="connsiteX3" fmla="*/ 138479 w 138972"/>
                  <a:gd name="connsiteY3" fmla="*/ 97090 h 97090"/>
                  <a:gd name="connsiteX4" fmla="*/ 0 w 138972"/>
                  <a:gd name="connsiteY4" fmla="*/ 97090 h 97090"/>
                  <a:gd name="connsiteX0" fmla="*/ 0 w 138972"/>
                  <a:gd name="connsiteY0" fmla="*/ 97090 h 97090"/>
                  <a:gd name="connsiteX1" fmla="*/ 58563 w 138972"/>
                  <a:gd name="connsiteY1" fmla="*/ 0 h 97090"/>
                  <a:gd name="connsiteX2" fmla="*/ 138972 w 138972"/>
                  <a:gd name="connsiteY2" fmla="*/ 0 h 97090"/>
                  <a:gd name="connsiteX3" fmla="*/ 138479 w 138972"/>
                  <a:gd name="connsiteY3" fmla="*/ 97090 h 97090"/>
                  <a:gd name="connsiteX4" fmla="*/ 0 w 138972"/>
                  <a:gd name="connsiteY4" fmla="*/ 97090 h 97090"/>
                  <a:gd name="connsiteX0" fmla="*/ 0 w 150402"/>
                  <a:gd name="connsiteY0" fmla="*/ 97090 h 97090"/>
                  <a:gd name="connsiteX1" fmla="*/ 69993 w 150402"/>
                  <a:gd name="connsiteY1" fmla="*/ 0 h 97090"/>
                  <a:gd name="connsiteX2" fmla="*/ 150402 w 150402"/>
                  <a:gd name="connsiteY2" fmla="*/ 0 h 97090"/>
                  <a:gd name="connsiteX3" fmla="*/ 149909 w 150402"/>
                  <a:gd name="connsiteY3" fmla="*/ 97090 h 97090"/>
                  <a:gd name="connsiteX4" fmla="*/ 0 w 150402"/>
                  <a:gd name="connsiteY4" fmla="*/ 97090 h 970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50402" h="97090">
                    <a:moveTo>
                      <a:pt x="0" y="97090"/>
                    </a:moveTo>
                    <a:lnTo>
                      <a:pt x="69993" y="0"/>
                    </a:lnTo>
                    <a:lnTo>
                      <a:pt x="150402" y="0"/>
                    </a:lnTo>
                    <a:cubicBezTo>
                      <a:pt x="150238" y="32363"/>
                      <a:pt x="150073" y="64727"/>
                      <a:pt x="149909" y="97090"/>
                    </a:cubicBezTo>
                    <a:lnTo>
                      <a:pt x="0" y="97090"/>
                    </a:lnTo>
                    <a:close/>
                  </a:path>
                </a:pathLst>
              </a:custGeom>
              <a:solidFill>
                <a:srgbClr val="A0A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84" name="사다리꼴 283"/>
              <p:cNvSpPr/>
              <p:nvPr/>
            </p:nvSpPr>
            <p:spPr>
              <a:xfrm>
                <a:off x="7768600" y="500337"/>
                <a:ext cx="339089" cy="651510"/>
              </a:xfrm>
              <a:prstGeom prst="trapezoid">
                <a:avLst>
                  <a:gd name="adj" fmla="val 4762"/>
                </a:avLst>
              </a:prstGeom>
              <a:solidFill>
                <a:srgbClr val="343434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85" name="사다리꼴 46"/>
              <p:cNvSpPr/>
              <p:nvPr/>
            </p:nvSpPr>
            <p:spPr>
              <a:xfrm>
                <a:off x="7934434" y="499554"/>
                <a:ext cx="172409" cy="651510"/>
              </a:xfrm>
              <a:custGeom>
                <a:avLst/>
                <a:gdLst>
                  <a:gd name="connsiteX0" fmla="*/ 0 w 339089"/>
                  <a:gd name="connsiteY0" fmla="*/ 651510 h 651510"/>
                  <a:gd name="connsiteX1" fmla="*/ 16147 w 339089"/>
                  <a:gd name="connsiteY1" fmla="*/ 0 h 651510"/>
                  <a:gd name="connsiteX2" fmla="*/ 322942 w 339089"/>
                  <a:gd name="connsiteY2" fmla="*/ 0 h 651510"/>
                  <a:gd name="connsiteX3" fmla="*/ 339089 w 339089"/>
                  <a:gd name="connsiteY3" fmla="*/ 651510 h 651510"/>
                  <a:gd name="connsiteX4" fmla="*/ 0 w 339089"/>
                  <a:gd name="connsiteY4" fmla="*/ 651510 h 651510"/>
                  <a:gd name="connsiteX0" fmla="*/ 0 w 339089"/>
                  <a:gd name="connsiteY0" fmla="*/ 651745 h 651745"/>
                  <a:gd name="connsiteX1" fmla="*/ 16147 w 339089"/>
                  <a:gd name="connsiteY1" fmla="*/ 235 h 651745"/>
                  <a:gd name="connsiteX2" fmla="*/ 166680 w 339089"/>
                  <a:gd name="connsiteY2" fmla="*/ 278 h 651745"/>
                  <a:gd name="connsiteX3" fmla="*/ 322942 w 339089"/>
                  <a:gd name="connsiteY3" fmla="*/ 235 h 651745"/>
                  <a:gd name="connsiteX4" fmla="*/ 339089 w 339089"/>
                  <a:gd name="connsiteY4" fmla="*/ 651745 h 651745"/>
                  <a:gd name="connsiteX5" fmla="*/ 0 w 339089"/>
                  <a:gd name="connsiteY5" fmla="*/ 651745 h 651745"/>
                  <a:gd name="connsiteX0" fmla="*/ 0 w 339089"/>
                  <a:gd name="connsiteY0" fmla="*/ 651510 h 651510"/>
                  <a:gd name="connsiteX1" fmla="*/ 166680 w 339089"/>
                  <a:gd name="connsiteY1" fmla="*/ 43 h 651510"/>
                  <a:gd name="connsiteX2" fmla="*/ 322942 w 339089"/>
                  <a:gd name="connsiteY2" fmla="*/ 0 h 651510"/>
                  <a:gd name="connsiteX3" fmla="*/ 339089 w 339089"/>
                  <a:gd name="connsiteY3" fmla="*/ 651510 h 651510"/>
                  <a:gd name="connsiteX4" fmla="*/ 0 w 339089"/>
                  <a:gd name="connsiteY4" fmla="*/ 651510 h 651510"/>
                  <a:gd name="connsiteX0" fmla="*/ 0 w 339089"/>
                  <a:gd name="connsiteY0" fmla="*/ 651510 h 651510"/>
                  <a:gd name="connsiteX1" fmla="*/ 166680 w 339089"/>
                  <a:gd name="connsiteY1" fmla="*/ 43 h 651510"/>
                  <a:gd name="connsiteX2" fmla="*/ 322942 w 339089"/>
                  <a:gd name="connsiteY2" fmla="*/ 0 h 651510"/>
                  <a:gd name="connsiteX3" fmla="*/ 339089 w 339089"/>
                  <a:gd name="connsiteY3" fmla="*/ 651510 h 651510"/>
                  <a:gd name="connsiteX4" fmla="*/ 166680 w 339089"/>
                  <a:gd name="connsiteY4" fmla="*/ 647743 h 651510"/>
                  <a:gd name="connsiteX5" fmla="*/ 0 w 339089"/>
                  <a:gd name="connsiteY5" fmla="*/ 651510 h 651510"/>
                  <a:gd name="connsiteX0" fmla="*/ 0 w 172409"/>
                  <a:gd name="connsiteY0" fmla="*/ 647743 h 651510"/>
                  <a:gd name="connsiteX1" fmla="*/ 0 w 172409"/>
                  <a:gd name="connsiteY1" fmla="*/ 43 h 651510"/>
                  <a:gd name="connsiteX2" fmla="*/ 156262 w 172409"/>
                  <a:gd name="connsiteY2" fmla="*/ 0 h 651510"/>
                  <a:gd name="connsiteX3" fmla="*/ 172409 w 172409"/>
                  <a:gd name="connsiteY3" fmla="*/ 651510 h 651510"/>
                  <a:gd name="connsiteX4" fmla="*/ 0 w 172409"/>
                  <a:gd name="connsiteY4" fmla="*/ 647743 h 6515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72409" h="651510">
                    <a:moveTo>
                      <a:pt x="0" y="647743"/>
                    </a:moveTo>
                    <a:lnTo>
                      <a:pt x="0" y="43"/>
                    </a:lnTo>
                    <a:lnTo>
                      <a:pt x="156262" y="0"/>
                    </a:lnTo>
                    <a:lnTo>
                      <a:pt x="172409" y="651510"/>
                    </a:lnTo>
                    <a:lnTo>
                      <a:pt x="0" y="647743"/>
                    </a:lnTo>
                    <a:close/>
                  </a:path>
                </a:pathLst>
              </a:cu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86" name="사다리꼴 46"/>
              <p:cNvSpPr/>
              <p:nvPr/>
            </p:nvSpPr>
            <p:spPr>
              <a:xfrm>
                <a:off x="7934435" y="1151064"/>
                <a:ext cx="184132" cy="248476"/>
              </a:xfrm>
              <a:custGeom>
                <a:avLst/>
                <a:gdLst>
                  <a:gd name="connsiteX0" fmla="*/ 0 w 339089"/>
                  <a:gd name="connsiteY0" fmla="*/ 651510 h 651510"/>
                  <a:gd name="connsiteX1" fmla="*/ 16147 w 339089"/>
                  <a:gd name="connsiteY1" fmla="*/ 0 h 651510"/>
                  <a:gd name="connsiteX2" fmla="*/ 322942 w 339089"/>
                  <a:gd name="connsiteY2" fmla="*/ 0 h 651510"/>
                  <a:gd name="connsiteX3" fmla="*/ 339089 w 339089"/>
                  <a:gd name="connsiteY3" fmla="*/ 651510 h 651510"/>
                  <a:gd name="connsiteX4" fmla="*/ 0 w 339089"/>
                  <a:gd name="connsiteY4" fmla="*/ 651510 h 651510"/>
                  <a:gd name="connsiteX0" fmla="*/ 0 w 339089"/>
                  <a:gd name="connsiteY0" fmla="*/ 651745 h 651745"/>
                  <a:gd name="connsiteX1" fmla="*/ 16147 w 339089"/>
                  <a:gd name="connsiteY1" fmla="*/ 235 h 651745"/>
                  <a:gd name="connsiteX2" fmla="*/ 166680 w 339089"/>
                  <a:gd name="connsiteY2" fmla="*/ 278 h 651745"/>
                  <a:gd name="connsiteX3" fmla="*/ 322942 w 339089"/>
                  <a:gd name="connsiteY3" fmla="*/ 235 h 651745"/>
                  <a:gd name="connsiteX4" fmla="*/ 339089 w 339089"/>
                  <a:gd name="connsiteY4" fmla="*/ 651745 h 651745"/>
                  <a:gd name="connsiteX5" fmla="*/ 0 w 339089"/>
                  <a:gd name="connsiteY5" fmla="*/ 651745 h 651745"/>
                  <a:gd name="connsiteX0" fmla="*/ 0 w 339089"/>
                  <a:gd name="connsiteY0" fmla="*/ 651510 h 651510"/>
                  <a:gd name="connsiteX1" fmla="*/ 166680 w 339089"/>
                  <a:gd name="connsiteY1" fmla="*/ 43 h 651510"/>
                  <a:gd name="connsiteX2" fmla="*/ 322942 w 339089"/>
                  <a:gd name="connsiteY2" fmla="*/ 0 h 651510"/>
                  <a:gd name="connsiteX3" fmla="*/ 339089 w 339089"/>
                  <a:gd name="connsiteY3" fmla="*/ 651510 h 651510"/>
                  <a:gd name="connsiteX4" fmla="*/ 0 w 339089"/>
                  <a:gd name="connsiteY4" fmla="*/ 651510 h 651510"/>
                  <a:gd name="connsiteX0" fmla="*/ 0 w 339089"/>
                  <a:gd name="connsiteY0" fmla="*/ 651510 h 651510"/>
                  <a:gd name="connsiteX1" fmla="*/ 166680 w 339089"/>
                  <a:gd name="connsiteY1" fmla="*/ 43 h 651510"/>
                  <a:gd name="connsiteX2" fmla="*/ 322942 w 339089"/>
                  <a:gd name="connsiteY2" fmla="*/ 0 h 651510"/>
                  <a:gd name="connsiteX3" fmla="*/ 339089 w 339089"/>
                  <a:gd name="connsiteY3" fmla="*/ 651510 h 651510"/>
                  <a:gd name="connsiteX4" fmla="*/ 166680 w 339089"/>
                  <a:gd name="connsiteY4" fmla="*/ 647743 h 651510"/>
                  <a:gd name="connsiteX5" fmla="*/ 0 w 339089"/>
                  <a:gd name="connsiteY5" fmla="*/ 651510 h 651510"/>
                  <a:gd name="connsiteX0" fmla="*/ 0 w 172409"/>
                  <a:gd name="connsiteY0" fmla="*/ 647743 h 651510"/>
                  <a:gd name="connsiteX1" fmla="*/ 0 w 172409"/>
                  <a:gd name="connsiteY1" fmla="*/ 43 h 651510"/>
                  <a:gd name="connsiteX2" fmla="*/ 156262 w 172409"/>
                  <a:gd name="connsiteY2" fmla="*/ 0 h 651510"/>
                  <a:gd name="connsiteX3" fmla="*/ 172409 w 172409"/>
                  <a:gd name="connsiteY3" fmla="*/ 651510 h 651510"/>
                  <a:gd name="connsiteX4" fmla="*/ 0 w 172409"/>
                  <a:gd name="connsiteY4" fmla="*/ 647743 h 6515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72409" h="651510">
                    <a:moveTo>
                      <a:pt x="0" y="647743"/>
                    </a:moveTo>
                    <a:lnTo>
                      <a:pt x="0" y="43"/>
                    </a:lnTo>
                    <a:lnTo>
                      <a:pt x="156262" y="0"/>
                    </a:lnTo>
                    <a:lnTo>
                      <a:pt x="172409" y="651510"/>
                    </a:lnTo>
                    <a:lnTo>
                      <a:pt x="0" y="647743"/>
                    </a:lnTo>
                    <a:close/>
                  </a:path>
                </a:pathLst>
              </a:custGeom>
              <a:solidFill>
                <a:srgbClr val="ACACAC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87" name="사다리꼴 46"/>
              <p:cNvSpPr/>
              <p:nvPr/>
            </p:nvSpPr>
            <p:spPr>
              <a:xfrm flipH="1">
                <a:off x="7756330" y="1151064"/>
                <a:ext cx="184132" cy="248476"/>
              </a:xfrm>
              <a:custGeom>
                <a:avLst/>
                <a:gdLst>
                  <a:gd name="connsiteX0" fmla="*/ 0 w 339089"/>
                  <a:gd name="connsiteY0" fmla="*/ 651510 h 651510"/>
                  <a:gd name="connsiteX1" fmla="*/ 16147 w 339089"/>
                  <a:gd name="connsiteY1" fmla="*/ 0 h 651510"/>
                  <a:gd name="connsiteX2" fmla="*/ 322942 w 339089"/>
                  <a:gd name="connsiteY2" fmla="*/ 0 h 651510"/>
                  <a:gd name="connsiteX3" fmla="*/ 339089 w 339089"/>
                  <a:gd name="connsiteY3" fmla="*/ 651510 h 651510"/>
                  <a:gd name="connsiteX4" fmla="*/ 0 w 339089"/>
                  <a:gd name="connsiteY4" fmla="*/ 651510 h 651510"/>
                  <a:gd name="connsiteX0" fmla="*/ 0 w 339089"/>
                  <a:gd name="connsiteY0" fmla="*/ 651745 h 651745"/>
                  <a:gd name="connsiteX1" fmla="*/ 16147 w 339089"/>
                  <a:gd name="connsiteY1" fmla="*/ 235 h 651745"/>
                  <a:gd name="connsiteX2" fmla="*/ 166680 w 339089"/>
                  <a:gd name="connsiteY2" fmla="*/ 278 h 651745"/>
                  <a:gd name="connsiteX3" fmla="*/ 322942 w 339089"/>
                  <a:gd name="connsiteY3" fmla="*/ 235 h 651745"/>
                  <a:gd name="connsiteX4" fmla="*/ 339089 w 339089"/>
                  <a:gd name="connsiteY4" fmla="*/ 651745 h 651745"/>
                  <a:gd name="connsiteX5" fmla="*/ 0 w 339089"/>
                  <a:gd name="connsiteY5" fmla="*/ 651745 h 651745"/>
                  <a:gd name="connsiteX0" fmla="*/ 0 w 339089"/>
                  <a:gd name="connsiteY0" fmla="*/ 651510 h 651510"/>
                  <a:gd name="connsiteX1" fmla="*/ 166680 w 339089"/>
                  <a:gd name="connsiteY1" fmla="*/ 43 h 651510"/>
                  <a:gd name="connsiteX2" fmla="*/ 322942 w 339089"/>
                  <a:gd name="connsiteY2" fmla="*/ 0 h 651510"/>
                  <a:gd name="connsiteX3" fmla="*/ 339089 w 339089"/>
                  <a:gd name="connsiteY3" fmla="*/ 651510 h 651510"/>
                  <a:gd name="connsiteX4" fmla="*/ 0 w 339089"/>
                  <a:gd name="connsiteY4" fmla="*/ 651510 h 651510"/>
                  <a:gd name="connsiteX0" fmla="*/ 0 w 339089"/>
                  <a:gd name="connsiteY0" fmla="*/ 651510 h 651510"/>
                  <a:gd name="connsiteX1" fmla="*/ 166680 w 339089"/>
                  <a:gd name="connsiteY1" fmla="*/ 43 h 651510"/>
                  <a:gd name="connsiteX2" fmla="*/ 322942 w 339089"/>
                  <a:gd name="connsiteY2" fmla="*/ 0 h 651510"/>
                  <a:gd name="connsiteX3" fmla="*/ 339089 w 339089"/>
                  <a:gd name="connsiteY3" fmla="*/ 651510 h 651510"/>
                  <a:gd name="connsiteX4" fmla="*/ 166680 w 339089"/>
                  <a:gd name="connsiteY4" fmla="*/ 647743 h 651510"/>
                  <a:gd name="connsiteX5" fmla="*/ 0 w 339089"/>
                  <a:gd name="connsiteY5" fmla="*/ 651510 h 651510"/>
                  <a:gd name="connsiteX0" fmla="*/ 0 w 172409"/>
                  <a:gd name="connsiteY0" fmla="*/ 647743 h 651510"/>
                  <a:gd name="connsiteX1" fmla="*/ 0 w 172409"/>
                  <a:gd name="connsiteY1" fmla="*/ 43 h 651510"/>
                  <a:gd name="connsiteX2" fmla="*/ 156262 w 172409"/>
                  <a:gd name="connsiteY2" fmla="*/ 0 h 651510"/>
                  <a:gd name="connsiteX3" fmla="*/ 172409 w 172409"/>
                  <a:gd name="connsiteY3" fmla="*/ 651510 h 651510"/>
                  <a:gd name="connsiteX4" fmla="*/ 0 w 172409"/>
                  <a:gd name="connsiteY4" fmla="*/ 647743 h 6515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72409" h="651510">
                    <a:moveTo>
                      <a:pt x="0" y="647743"/>
                    </a:moveTo>
                    <a:lnTo>
                      <a:pt x="0" y="43"/>
                    </a:lnTo>
                    <a:lnTo>
                      <a:pt x="156262" y="0"/>
                    </a:lnTo>
                    <a:lnTo>
                      <a:pt x="172409" y="651510"/>
                    </a:lnTo>
                    <a:lnTo>
                      <a:pt x="0" y="647743"/>
                    </a:lnTo>
                    <a:close/>
                  </a:path>
                </a:pathLst>
              </a:custGeom>
              <a:solidFill>
                <a:srgbClr val="D1D1D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88" name="사다리꼴 287"/>
              <p:cNvSpPr/>
              <p:nvPr/>
            </p:nvSpPr>
            <p:spPr>
              <a:xfrm>
                <a:off x="7754459" y="1391919"/>
                <a:ext cx="364107" cy="18000"/>
              </a:xfrm>
              <a:prstGeom prst="trapezoid">
                <a:avLst>
                  <a:gd name="adj" fmla="val 2942"/>
                </a:avLst>
              </a:prstGeom>
              <a:solidFill>
                <a:srgbClr val="9D9D9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89" name="직사각형 288"/>
              <p:cNvSpPr/>
              <p:nvPr/>
            </p:nvSpPr>
            <p:spPr>
              <a:xfrm>
                <a:off x="7758145" y="1408193"/>
                <a:ext cx="180501" cy="52475"/>
              </a:xfrm>
              <a:prstGeom prst="rect">
                <a:avLst/>
              </a:prstGeom>
              <a:solidFill>
                <a:srgbClr val="D5D5D5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90" name="직사각형 289"/>
              <p:cNvSpPr/>
              <p:nvPr/>
            </p:nvSpPr>
            <p:spPr>
              <a:xfrm>
                <a:off x="7938065" y="1408193"/>
                <a:ext cx="180501" cy="52475"/>
              </a:xfrm>
              <a:prstGeom prst="rect">
                <a:avLst/>
              </a:prstGeom>
              <a:solidFill>
                <a:srgbClr val="ACACAC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  <p:grpSp>
        <p:nvGrpSpPr>
          <p:cNvPr id="22" name="그룹 21"/>
          <p:cNvGrpSpPr/>
          <p:nvPr/>
        </p:nvGrpSpPr>
        <p:grpSpPr>
          <a:xfrm>
            <a:off x="6645780" y="3103002"/>
            <a:ext cx="1495425" cy="1495425"/>
            <a:chOff x="6645780" y="3103002"/>
            <a:chExt cx="1495425" cy="1495425"/>
          </a:xfrm>
        </p:grpSpPr>
        <p:sp>
          <p:nvSpPr>
            <p:cNvPr id="241" name="타원 240"/>
            <p:cNvSpPr/>
            <p:nvPr/>
          </p:nvSpPr>
          <p:spPr>
            <a:xfrm>
              <a:off x="6645780" y="3103002"/>
              <a:ext cx="1495425" cy="1495425"/>
            </a:xfrm>
            <a:prstGeom prst="ellipse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5" name="타원 244"/>
            <p:cNvSpPr/>
            <p:nvPr/>
          </p:nvSpPr>
          <p:spPr>
            <a:xfrm>
              <a:off x="6789729" y="3238500"/>
              <a:ext cx="1207526" cy="1207526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300" name="그룹 299"/>
            <p:cNvGrpSpPr/>
            <p:nvPr/>
          </p:nvGrpSpPr>
          <p:grpSpPr>
            <a:xfrm>
              <a:off x="6876593" y="3413608"/>
              <a:ext cx="1033799" cy="1035503"/>
              <a:chOff x="4296554" y="651774"/>
              <a:chExt cx="5235449" cy="5244078"/>
            </a:xfrm>
          </p:grpSpPr>
          <p:grpSp>
            <p:nvGrpSpPr>
              <p:cNvPr id="301" name="그룹 300"/>
              <p:cNvGrpSpPr/>
              <p:nvPr/>
            </p:nvGrpSpPr>
            <p:grpSpPr>
              <a:xfrm>
                <a:off x="5598658" y="2286000"/>
                <a:ext cx="2677388" cy="2081755"/>
                <a:chOff x="3245982" y="1034109"/>
                <a:chExt cx="4740731" cy="3686071"/>
              </a:xfrm>
              <a:solidFill>
                <a:schemeClr val="tx1"/>
              </a:solidFill>
            </p:grpSpPr>
            <p:sp>
              <p:nvSpPr>
                <p:cNvPr id="308" name="모서리가 둥근 직사각형 307"/>
                <p:cNvSpPr/>
                <p:nvPr/>
              </p:nvSpPr>
              <p:spPr>
                <a:xfrm>
                  <a:off x="3245982" y="2676525"/>
                  <a:ext cx="945017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309" name="모서리가 둥근 직사각형 308"/>
                <p:cNvSpPr/>
                <p:nvPr/>
              </p:nvSpPr>
              <p:spPr>
                <a:xfrm rot="6788964">
                  <a:off x="3663773" y="2309798"/>
                  <a:ext cx="1068740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310" name="모서리가 둥근 직사각형 309"/>
                <p:cNvSpPr/>
                <p:nvPr/>
              </p:nvSpPr>
              <p:spPr>
                <a:xfrm rot="4805967">
                  <a:off x="3456512" y="2864800"/>
                  <a:ext cx="2106035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311" name="모서리가 둥근 직사각형 310"/>
                <p:cNvSpPr/>
                <p:nvPr/>
              </p:nvSpPr>
              <p:spPr>
                <a:xfrm rot="6300000">
                  <a:off x="3477320" y="2406262"/>
                  <a:ext cx="3068155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312" name="모서리가 둥근 직사각형 311"/>
                <p:cNvSpPr/>
                <p:nvPr/>
              </p:nvSpPr>
              <p:spPr>
                <a:xfrm rot="4961767">
                  <a:off x="3764050" y="2735371"/>
                  <a:ext cx="3626126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313" name="모서리가 둥근 직사각형 312"/>
                <p:cNvSpPr/>
                <p:nvPr/>
              </p:nvSpPr>
              <p:spPr>
                <a:xfrm rot="6300000">
                  <a:off x="4751433" y="3212477"/>
                  <a:ext cx="2691557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314" name="모서리가 둥근 직사각형 313"/>
                <p:cNvSpPr/>
                <p:nvPr/>
              </p:nvSpPr>
              <p:spPr>
                <a:xfrm rot="4500000">
                  <a:off x="5962760" y="2428717"/>
                  <a:ext cx="1068740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315" name="모서리가 둥근 직사각형 314"/>
                <p:cNvSpPr/>
                <p:nvPr/>
              </p:nvSpPr>
              <p:spPr>
                <a:xfrm>
                  <a:off x="6451144" y="2790825"/>
                  <a:ext cx="1535569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</p:grpSp>
          <p:sp>
            <p:nvSpPr>
              <p:cNvPr id="302" name="모서리가 둥근 직사각형 301"/>
              <p:cNvSpPr/>
              <p:nvPr/>
            </p:nvSpPr>
            <p:spPr>
              <a:xfrm rot="5400000">
                <a:off x="4444897" y="3218133"/>
                <a:ext cx="1591729" cy="302886"/>
              </a:xfrm>
              <a:prstGeom prst="roundRect">
                <a:avLst>
                  <a:gd name="adj" fmla="val 50000"/>
                </a:avLst>
              </a:prstGeom>
              <a:solidFill>
                <a:schemeClr val="accent3">
                  <a:lumMod val="7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03" name="모서리가 둥근 직사각형 302"/>
              <p:cNvSpPr/>
              <p:nvPr/>
            </p:nvSpPr>
            <p:spPr>
              <a:xfrm rot="5400000">
                <a:off x="7793761" y="3218133"/>
                <a:ext cx="1591729" cy="302886"/>
              </a:xfrm>
              <a:prstGeom prst="roundRect">
                <a:avLst>
                  <a:gd name="adj" fmla="val 50000"/>
                </a:avLst>
              </a:prstGeom>
              <a:solidFill>
                <a:schemeClr val="accent3">
                  <a:lumMod val="7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04" name="순서도: 화면 표시 15"/>
              <p:cNvSpPr/>
              <p:nvPr/>
            </p:nvSpPr>
            <p:spPr>
              <a:xfrm rot="10800000">
                <a:off x="4296554" y="2573709"/>
                <a:ext cx="658930" cy="1591731"/>
              </a:xfrm>
              <a:custGeom>
                <a:avLst/>
                <a:gdLst>
                  <a:gd name="connsiteX0" fmla="*/ 0 w 10000"/>
                  <a:gd name="connsiteY0" fmla="*/ 5000 h 10000"/>
                  <a:gd name="connsiteX1" fmla="*/ 1667 w 10000"/>
                  <a:gd name="connsiteY1" fmla="*/ 0 h 10000"/>
                  <a:gd name="connsiteX2" fmla="*/ 8333 w 10000"/>
                  <a:gd name="connsiteY2" fmla="*/ 0 h 10000"/>
                  <a:gd name="connsiteX3" fmla="*/ 10000 w 10000"/>
                  <a:gd name="connsiteY3" fmla="*/ 5000 h 10000"/>
                  <a:gd name="connsiteX4" fmla="*/ 8333 w 10000"/>
                  <a:gd name="connsiteY4" fmla="*/ 10000 h 10000"/>
                  <a:gd name="connsiteX5" fmla="*/ 1667 w 10000"/>
                  <a:gd name="connsiteY5" fmla="*/ 10000 h 10000"/>
                  <a:gd name="connsiteX6" fmla="*/ 0 w 10000"/>
                  <a:gd name="connsiteY6" fmla="*/ 5000 h 10000"/>
                  <a:gd name="connsiteX0" fmla="*/ 0 w 8333"/>
                  <a:gd name="connsiteY0" fmla="*/ 10000 h 10000"/>
                  <a:gd name="connsiteX1" fmla="*/ 0 w 8333"/>
                  <a:gd name="connsiteY1" fmla="*/ 0 h 10000"/>
                  <a:gd name="connsiteX2" fmla="*/ 6666 w 8333"/>
                  <a:gd name="connsiteY2" fmla="*/ 0 h 10000"/>
                  <a:gd name="connsiteX3" fmla="*/ 8333 w 8333"/>
                  <a:gd name="connsiteY3" fmla="*/ 5000 h 10000"/>
                  <a:gd name="connsiteX4" fmla="*/ 6666 w 8333"/>
                  <a:gd name="connsiteY4" fmla="*/ 10000 h 10000"/>
                  <a:gd name="connsiteX5" fmla="*/ 0 w 8333"/>
                  <a:gd name="connsiteY5" fmla="*/ 10000 h 10000"/>
                  <a:gd name="connsiteX0" fmla="*/ 0 w 10000"/>
                  <a:gd name="connsiteY0" fmla="*/ 10000 h 10000"/>
                  <a:gd name="connsiteX1" fmla="*/ 8000 w 10000"/>
                  <a:gd name="connsiteY1" fmla="*/ 0 h 10000"/>
                  <a:gd name="connsiteX2" fmla="*/ 10000 w 10000"/>
                  <a:gd name="connsiteY2" fmla="*/ 5000 h 10000"/>
                  <a:gd name="connsiteX3" fmla="*/ 8000 w 10000"/>
                  <a:gd name="connsiteY3" fmla="*/ 10000 h 10000"/>
                  <a:gd name="connsiteX4" fmla="*/ 0 w 10000"/>
                  <a:gd name="connsiteY4" fmla="*/ 10000 h 10000"/>
                  <a:gd name="connsiteX0" fmla="*/ 0 w 2000"/>
                  <a:gd name="connsiteY0" fmla="*/ 10000 h 10000"/>
                  <a:gd name="connsiteX1" fmla="*/ 0 w 2000"/>
                  <a:gd name="connsiteY1" fmla="*/ 0 h 10000"/>
                  <a:gd name="connsiteX2" fmla="*/ 2000 w 2000"/>
                  <a:gd name="connsiteY2" fmla="*/ 5000 h 10000"/>
                  <a:gd name="connsiteX3" fmla="*/ 0 w 2000"/>
                  <a:gd name="connsiteY3" fmla="*/ 10000 h 10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00" h="10000">
                    <a:moveTo>
                      <a:pt x="0" y="10000"/>
                    </a:moveTo>
                    <a:lnTo>
                      <a:pt x="0" y="0"/>
                    </a:lnTo>
                    <a:cubicBezTo>
                      <a:pt x="1105" y="0"/>
                      <a:pt x="2000" y="2239"/>
                      <a:pt x="2000" y="5000"/>
                    </a:cubicBezTo>
                    <a:cubicBezTo>
                      <a:pt x="2000" y="7761"/>
                      <a:pt x="1105" y="10000"/>
                      <a:pt x="0" y="10000"/>
                    </a:cubicBezTo>
                    <a:close/>
                  </a:path>
                </a:pathLst>
              </a:cu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05" name="순서도: 화면 표시 15"/>
              <p:cNvSpPr/>
              <p:nvPr/>
            </p:nvSpPr>
            <p:spPr>
              <a:xfrm>
                <a:off x="8873073" y="2573710"/>
                <a:ext cx="658930" cy="1591731"/>
              </a:xfrm>
              <a:custGeom>
                <a:avLst/>
                <a:gdLst>
                  <a:gd name="connsiteX0" fmla="*/ 0 w 10000"/>
                  <a:gd name="connsiteY0" fmla="*/ 5000 h 10000"/>
                  <a:gd name="connsiteX1" fmla="*/ 1667 w 10000"/>
                  <a:gd name="connsiteY1" fmla="*/ 0 h 10000"/>
                  <a:gd name="connsiteX2" fmla="*/ 8333 w 10000"/>
                  <a:gd name="connsiteY2" fmla="*/ 0 h 10000"/>
                  <a:gd name="connsiteX3" fmla="*/ 10000 w 10000"/>
                  <a:gd name="connsiteY3" fmla="*/ 5000 h 10000"/>
                  <a:gd name="connsiteX4" fmla="*/ 8333 w 10000"/>
                  <a:gd name="connsiteY4" fmla="*/ 10000 h 10000"/>
                  <a:gd name="connsiteX5" fmla="*/ 1667 w 10000"/>
                  <a:gd name="connsiteY5" fmla="*/ 10000 h 10000"/>
                  <a:gd name="connsiteX6" fmla="*/ 0 w 10000"/>
                  <a:gd name="connsiteY6" fmla="*/ 5000 h 10000"/>
                  <a:gd name="connsiteX0" fmla="*/ 0 w 8333"/>
                  <a:gd name="connsiteY0" fmla="*/ 10000 h 10000"/>
                  <a:gd name="connsiteX1" fmla="*/ 0 w 8333"/>
                  <a:gd name="connsiteY1" fmla="*/ 0 h 10000"/>
                  <a:gd name="connsiteX2" fmla="*/ 6666 w 8333"/>
                  <a:gd name="connsiteY2" fmla="*/ 0 h 10000"/>
                  <a:gd name="connsiteX3" fmla="*/ 8333 w 8333"/>
                  <a:gd name="connsiteY3" fmla="*/ 5000 h 10000"/>
                  <a:gd name="connsiteX4" fmla="*/ 6666 w 8333"/>
                  <a:gd name="connsiteY4" fmla="*/ 10000 h 10000"/>
                  <a:gd name="connsiteX5" fmla="*/ 0 w 8333"/>
                  <a:gd name="connsiteY5" fmla="*/ 10000 h 10000"/>
                  <a:gd name="connsiteX0" fmla="*/ 0 w 10000"/>
                  <a:gd name="connsiteY0" fmla="*/ 10000 h 10000"/>
                  <a:gd name="connsiteX1" fmla="*/ 8000 w 10000"/>
                  <a:gd name="connsiteY1" fmla="*/ 0 h 10000"/>
                  <a:gd name="connsiteX2" fmla="*/ 10000 w 10000"/>
                  <a:gd name="connsiteY2" fmla="*/ 5000 h 10000"/>
                  <a:gd name="connsiteX3" fmla="*/ 8000 w 10000"/>
                  <a:gd name="connsiteY3" fmla="*/ 10000 h 10000"/>
                  <a:gd name="connsiteX4" fmla="*/ 0 w 10000"/>
                  <a:gd name="connsiteY4" fmla="*/ 10000 h 10000"/>
                  <a:gd name="connsiteX0" fmla="*/ 0 w 2000"/>
                  <a:gd name="connsiteY0" fmla="*/ 10000 h 10000"/>
                  <a:gd name="connsiteX1" fmla="*/ 0 w 2000"/>
                  <a:gd name="connsiteY1" fmla="*/ 0 h 10000"/>
                  <a:gd name="connsiteX2" fmla="*/ 2000 w 2000"/>
                  <a:gd name="connsiteY2" fmla="*/ 5000 h 10000"/>
                  <a:gd name="connsiteX3" fmla="*/ 0 w 2000"/>
                  <a:gd name="connsiteY3" fmla="*/ 10000 h 10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00" h="10000">
                    <a:moveTo>
                      <a:pt x="0" y="10000"/>
                    </a:moveTo>
                    <a:lnTo>
                      <a:pt x="0" y="0"/>
                    </a:lnTo>
                    <a:cubicBezTo>
                      <a:pt x="1105" y="0"/>
                      <a:pt x="2000" y="2239"/>
                      <a:pt x="2000" y="5000"/>
                    </a:cubicBezTo>
                    <a:cubicBezTo>
                      <a:pt x="2000" y="7761"/>
                      <a:pt x="1105" y="10000"/>
                      <a:pt x="0" y="10000"/>
                    </a:cubicBezTo>
                    <a:close/>
                  </a:path>
                </a:pathLst>
              </a:cu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06" name="막힌 원호 305"/>
              <p:cNvSpPr/>
              <p:nvPr/>
            </p:nvSpPr>
            <p:spPr>
              <a:xfrm>
                <a:off x="4695825" y="752475"/>
                <a:ext cx="4448176" cy="5143377"/>
              </a:xfrm>
              <a:prstGeom prst="blockArc">
                <a:avLst>
                  <a:gd name="adj1" fmla="val 10745541"/>
                  <a:gd name="adj2" fmla="val 21570383"/>
                  <a:gd name="adj3" fmla="val 4652"/>
                </a:avLst>
              </a:pr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>
                  <a:solidFill>
                    <a:schemeClr val="tx1"/>
                  </a:solidFill>
                </a:endParaRPr>
              </a:p>
            </p:txBody>
          </p:sp>
          <p:sp>
            <p:nvSpPr>
              <p:cNvPr id="307" name="모서리가 둥근 직사각형 25"/>
              <p:cNvSpPr/>
              <p:nvPr/>
            </p:nvSpPr>
            <p:spPr>
              <a:xfrm rot="10800000">
                <a:off x="5560168" y="651774"/>
                <a:ext cx="2719491" cy="773938"/>
              </a:xfrm>
              <a:custGeom>
                <a:avLst/>
                <a:gdLst>
                  <a:gd name="connsiteX0" fmla="*/ 0 w 1591729"/>
                  <a:gd name="connsiteY0" fmla="*/ 151443 h 302886"/>
                  <a:gd name="connsiteX1" fmla="*/ 151443 w 1591729"/>
                  <a:gd name="connsiteY1" fmla="*/ 0 h 302886"/>
                  <a:gd name="connsiteX2" fmla="*/ 1440286 w 1591729"/>
                  <a:gd name="connsiteY2" fmla="*/ 0 h 302886"/>
                  <a:gd name="connsiteX3" fmla="*/ 1591729 w 1591729"/>
                  <a:gd name="connsiteY3" fmla="*/ 151443 h 302886"/>
                  <a:gd name="connsiteX4" fmla="*/ 1591729 w 1591729"/>
                  <a:gd name="connsiteY4" fmla="*/ 151443 h 302886"/>
                  <a:gd name="connsiteX5" fmla="*/ 1440286 w 1591729"/>
                  <a:gd name="connsiteY5" fmla="*/ 302886 h 302886"/>
                  <a:gd name="connsiteX6" fmla="*/ 151443 w 1591729"/>
                  <a:gd name="connsiteY6" fmla="*/ 302886 h 302886"/>
                  <a:gd name="connsiteX7" fmla="*/ 0 w 1591729"/>
                  <a:gd name="connsiteY7" fmla="*/ 151443 h 302886"/>
                  <a:gd name="connsiteX0" fmla="*/ 0 w 1591729"/>
                  <a:gd name="connsiteY0" fmla="*/ 151443 h 387552"/>
                  <a:gd name="connsiteX1" fmla="*/ 151443 w 1591729"/>
                  <a:gd name="connsiteY1" fmla="*/ 0 h 387552"/>
                  <a:gd name="connsiteX2" fmla="*/ 1440286 w 1591729"/>
                  <a:gd name="connsiteY2" fmla="*/ 0 h 387552"/>
                  <a:gd name="connsiteX3" fmla="*/ 1591729 w 1591729"/>
                  <a:gd name="connsiteY3" fmla="*/ 151443 h 387552"/>
                  <a:gd name="connsiteX4" fmla="*/ 1591729 w 1591729"/>
                  <a:gd name="connsiteY4" fmla="*/ 151443 h 387552"/>
                  <a:gd name="connsiteX5" fmla="*/ 1440286 w 1591729"/>
                  <a:gd name="connsiteY5" fmla="*/ 302886 h 387552"/>
                  <a:gd name="connsiteX6" fmla="*/ 151443 w 1591729"/>
                  <a:gd name="connsiteY6" fmla="*/ 302886 h 387552"/>
                  <a:gd name="connsiteX7" fmla="*/ 0 w 1591729"/>
                  <a:gd name="connsiteY7" fmla="*/ 151443 h 387552"/>
                  <a:gd name="connsiteX0" fmla="*/ 0 w 1591729"/>
                  <a:gd name="connsiteY0" fmla="*/ 151443 h 452989"/>
                  <a:gd name="connsiteX1" fmla="*/ 151443 w 1591729"/>
                  <a:gd name="connsiteY1" fmla="*/ 0 h 452989"/>
                  <a:gd name="connsiteX2" fmla="*/ 1440286 w 1591729"/>
                  <a:gd name="connsiteY2" fmla="*/ 0 h 452989"/>
                  <a:gd name="connsiteX3" fmla="*/ 1591729 w 1591729"/>
                  <a:gd name="connsiteY3" fmla="*/ 151443 h 452989"/>
                  <a:gd name="connsiteX4" fmla="*/ 1591729 w 1591729"/>
                  <a:gd name="connsiteY4" fmla="*/ 151443 h 452989"/>
                  <a:gd name="connsiteX5" fmla="*/ 1440286 w 1591729"/>
                  <a:gd name="connsiteY5" fmla="*/ 302886 h 452989"/>
                  <a:gd name="connsiteX6" fmla="*/ 151443 w 1591729"/>
                  <a:gd name="connsiteY6" fmla="*/ 302886 h 452989"/>
                  <a:gd name="connsiteX7" fmla="*/ 0 w 1591729"/>
                  <a:gd name="connsiteY7" fmla="*/ 151443 h 452989"/>
                  <a:gd name="connsiteX0" fmla="*/ 0 w 1591729"/>
                  <a:gd name="connsiteY0" fmla="*/ 151443 h 452989"/>
                  <a:gd name="connsiteX1" fmla="*/ 151443 w 1591729"/>
                  <a:gd name="connsiteY1" fmla="*/ 0 h 452989"/>
                  <a:gd name="connsiteX2" fmla="*/ 1440286 w 1591729"/>
                  <a:gd name="connsiteY2" fmla="*/ 0 h 452989"/>
                  <a:gd name="connsiteX3" fmla="*/ 1591729 w 1591729"/>
                  <a:gd name="connsiteY3" fmla="*/ 151443 h 452989"/>
                  <a:gd name="connsiteX4" fmla="*/ 1591729 w 1591729"/>
                  <a:gd name="connsiteY4" fmla="*/ 151443 h 452989"/>
                  <a:gd name="connsiteX5" fmla="*/ 1440286 w 1591729"/>
                  <a:gd name="connsiteY5" fmla="*/ 302886 h 452989"/>
                  <a:gd name="connsiteX6" fmla="*/ 151443 w 1591729"/>
                  <a:gd name="connsiteY6" fmla="*/ 302886 h 452989"/>
                  <a:gd name="connsiteX7" fmla="*/ 0 w 1591729"/>
                  <a:gd name="connsiteY7" fmla="*/ 151443 h 452989"/>
                  <a:gd name="connsiteX0" fmla="*/ 0 w 1591729"/>
                  <a:gd name="connsiteY0" fmla="*/ 151443 h 452989"/>
                  <a:gd name="connsiteX1" fmla="*/ 151443 w 1591729"/>
                  <a:gd name="connsiteY1" fmla="*/ 0 h 452989"/>
                  <a:gd name="connsiteX2" fmla="*/ 1440286 w 1591729"/>
                  <a:gd name="connsiteY2" fmla="*/ 0 h 452989"/>
                  <a:gd name="connsiteX3" fmla="*/ 1591729 w 1591729"/>
                  <a:gd name="connsiteY3" fmla="*/ 151443 h 452989"/>
                  <a:gd name="connsiteX4" fmla="*/ 1591729 w 1591729"/>
                  <a:gd name="connsiteY4" fmla="*/ 151443 h 452989"/>
                  <a:gd name="connsiteX5" fmla="*/ 1440286 w 1591729"/>
                  <a:gd name="connsiteY5" fmla="*/ 302886 h 452989"/>
                  <a:gd name="connsiteX6" fmla="*/ 151443 w 1591729"/>
                  <a:gd name="connsiteY6" fmla="*/ 302886 h 452989"/>
                  <a:gd name="connsiteX7" fmla="*/ 0 w 1591729"/>
                  <a:gd name="connsiteY7" fmla="*/ 151443 h 4529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591729" h="452989">
                    <a:moveTo>
                      <a:pt x="0" y="151443"/>
                    </a:moveTo>
                    <a:cubicBezTo>
                      <a:pt x="0" y="67803"/>
                      <a:pt x="67803" y="0"/>
                      <a:pt x="151443" y="0"/>
                    </a:cubicBezTo>
                    <a:cubicBezTo>
                      <a:pt x="581057" y="219075"/>
                      <a:pt x="963047" y="200025"/>
                      <a:pt x="1440286" y="0"/>
                    </a:cubicBezTo>
                    <a:cubicBezTo>
                      <a:pt x="1523926" y="0"/>
                      <a:pt x="1591729" y="67803"/>
                      <a:pt x="1591729" y="151443"/>
                    </a:cubicBezTo>
                    <a:lnTo>
                      <a:pt x="1591729" y="151443"/>
                    </a:lnTo>
                    <a:cubicBezTo>
                      <a:pt x="1591729" y="235083"/>
                      <a:pt x="1523926" y="302886"/>
                      <a:pt x="1440286" y="302886"/>
                    </a:cubicBezTo>
                    <a:cubicBezTo>
                      <a:pt x="991622" y="512436"/>
                      <a:pt x="600107" y="493386"/>
                      <a:pt x="151443" y="302886"/>
                    </a:cubicBezTo>
                    <a:cubicBezTo>
                      <a:pt x="67803" y="302886"/>
                      <a:pt x="0" y="235083"/>
                      <a:pt x="0" y="151443"/>
                    </a:cubicBezTo>
                    <a:close/>
                  </a:path>
                </a:pathLst>
              </a:custGeom>
              <a:solidFill>
                <a:schemeClr val="bg2">
                  <a:lumMod val="2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  <p:grpSp>
        <p:nvGrpSpPr>
          <p:cNvPr id="19" name="그룹 18"/>
          <p:cNvGrpSpPr/>
          <p:nvPr/>
        </p:nvGrpSpPr>
        <p:grpSpPr>
          <a:xfrm>
            <a:off x="9229875" y="3103001"/>
            <a:ext cx="1495425" cy="1495425"/>
            <a:chOff x="9229875" y="3103001"/>
            <a:chExt cx="1495425" cy="1495425"/>
          </a:xfrm>
        </p:grpSpPr>
        <p:sp>
          <p:nvSpPr>
            <p:cNvPr id="242" name="타원 241"/>
            <p:cNvSpPr/>
            <p:nvPr/>
          </p:nvSpPr>
          <p:spPr>
            <a:xfrm>
              <a:off x="9229875" y="3103001"/>
              <a:ext cx="1495425" cy="1495425"/>
            </a:xfrm>
            <a:prstGeom prst="ellipse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6" name="타원 245"/>
            <p:cNvSpPr/>
            <p:nvPr/>
          </p:nvSpPr>
          <p:spPr>
            <a:xfrm>
              <a:off x="9373825" y="3238500"/>
              <a:ext cx="1207526" cy="1207526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316" name="그룹 315"/>
            <p:cNvGrpSpPr/>
            <p:nvPr/>
          </p:nvGrpSpPr>
          <p:grpSpPr>
            <a:xfrm rot="1800000">
              <a:off x="9797648" y="3241444"/>
              <a:ext cx="359877" cy="1089584"/>
              <a:chOff x="5676900" y="35188"/>
              <a:chExt cx="1866900" cy="5831196"/>
            </a:xfrm>
          </p:grpSpPr>
          <p:sp>
            <p:nvSpPr>
              <p:cNvPr id="317" name="사다리꼴 316"/>
              <p:cNvSpPr/>
              <p:nvPr/>
            </p:nvSpPr>
            <p:spPr>
              <a:xfrm>
                <a:off x="5676900" y="3771900"/>
                <a:ext cx="1866900" cy="2094484"/>
              </a:xfrm>
              <a:prstGeom prst="trapezoid">
                <a:avLst>
                  <a:gd name="adj" fmla="val 20238"/>
                </a:avLst>
              </a:prstGeom>
              <a:solidFill>
                <a:schemeClr val="tx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18" name="이등변 삼각형 317"/>
              <p:cNvSpPr/>
              <p:nvPr/>
            </p:nvSpPr>
            <p:spPr>
              <a:xfrm>
                <a:off x="6587490" y="4796409"/>
                <a:ext cx="45719" cy="1069975"/>
              </a:xfrm>
              <a:prstGeom prst="triangl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19" name="이등변 삼각형 318"/>
              <p:cNvSpPr/>
              <p:nvPr/>
            </p:nvSpPr>
            <p:spPr>
              <a:xfrm>
                <a:off x="6889115" y="4796408"/>
                <a:ext cx="45719" cy="1069975"/>
              </a:xfrm>
              <a:prstGeom prst="triangl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20" name="이등변 삼각형 319"/>
              <p:cNvSpPr/>
              <p:nvPr/>
            </p:nvSpPr>
            <p:spPr>
              <a:xfrm>
                <a:off x="6285865" y="4796407"/>
                <a:ext cx="45719" cy="1069975"/>
              </a:xfrm>
              <a:prstGeom prst="triangl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21" name="이등변 삼각형 320"/>
              <p:cNvSpPr/>
              <p:nvPr/>
            </p:nvSpPr>
            <p:spPr>
              <a:xfrm>
                <a:off x="5984240" y="4796407"/>
                <a:ext cx="45719" cy="1069975"/>
              </a:xfrm>
              <a:prstGeom prst="triangl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22" name="이등변 삼각형 321"/>
              <p:cNvSpPr/>
              <p:nvPr/>
            </p:nvSpPr>
            <p:spPr>
              <a:xfrm>
                <a:off x="7242174" y="4779514"/>
                <a:ext cx="45719" cy="1069975"/>
              </a:xfrm>
              <a:prstGeom prst="triangl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23" name="모서리가 둥근 직사각형 322"/>
              <p:cNvSpPr/>
              <p:nvPr/>
            </p:nvSpPr>
            <p:spPr>
              <a:xfrm>
                <a:off x="5981382" y="3375819"/>
                <a:ext cx="1257934" cy="304800"/>
              </a:xfrm>
              <a:prstGeom prst="roundRect">
                <a:avLst>
                  <a:gd name="adj" fmla="val 50000"/>
                </a:avLst>
              </a:pr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24" name="양쪽 모서리가 둥근 사각형 323"/>
              <p:cNvSpPr/>
              <p:nvPr/>
            </p:nvSpPr>
            <p:spPr>
              <a:xfrm>
                <a:off x="6423166" y="35188"/>
                <a:ext cx="401524" cy="3108143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  <p:grpSp>
        <p:nvGrpSpPr>
          <p:cNvPr id="27" name="그룹 26"/>
          <p:cNvGrpSpPr/>
          <p:nvPr/>
        </p:nvGrpSpPr>
        <p:grpSpPr>
          <a:xfrm>
            <a:off x="744005" y="1802207"/>
            <a:ext cx="3101521" cy="1224590"/>
            <a:chOff x="744005" y="1878407"/>
            <a:chExt cx="3101521" cy="1224590"/>
          </a:xfrm>
        </p:grpSpPr>
        <p:sp>
          <p:nvSpPr>
            <p:cNvPr id="325" name="직사각형 324"/>
            <p:cNvSpPr/>
            <p:nvPr/>
          </p:nvSpPr>
          <p:spPr>
            <a:xfrm>
              <a:off x="1189896" y="1878407"/>
              <a:ext cx="2061340" cy="84707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40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장은준</a:t>
              </a:r>
              <a:endParaRPr lang="ko-KR" altLang="en-US" sz="36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332" name="직사각형 331"/>
            <p:cNvSpPr/>
            <p:nvPr/>
          </p:nvSpPr>
          <p:spPr>
            <a:xfrm>
              <a:off x="744005" y="2715422"/>
              <a:ext cx="3101521" cy="387575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28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Programming</a:t>
              </a:r>
              <a:endParaRPr lang="ko-KR" altLang="en-US" sz="24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grpSp>
        <p:nvGrpSpPr>
          <p:cNvPr id="26" name="그룹 25"/>
          <p:cNvGrpSpPr/>
          <p:nvPr/>
        </p:nvGrpSpPr>
        <p:grpSpPr>
          <a:xfrm>
            <a:off x="2295216" y="4670896"/>
            <a:ext cx="5035369" cy="1220143"/>
            <a:chOff x="2295216" y="4602316"/>
            <a:chExt cx="5035369" cy="1220143"/>
          </a:xfrm>
        </p:grpSpPr>
        <p:sp>
          <p:nvSpPr>
            <p:cNvPr id="326" name="직사각형 325"/>
            <p:cNvSpPr/>
            <p:nvPr/>
          </p:nvSpPr>
          <p:spPr>
            <a:xfrm>
              <a:off x="3773970" y="4975388"/>
              <a:ext cx="2061340" cy="84707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40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이용희</a:t>
              </a:r>
              <a:endParaRPr lang="ko-KR" altLang="en-US" sz="36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333" name="직사각형 332"/>
            <p:cNvSpPr/>
            <p:nvPr/>
          </p:nvSpPr>
          <p:spPr>
            <a:xfrm>
              <a:off x="2295216" y="4602316"/>
              <a:ext cx="5035369" cy="387575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2800" dirty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 </a:t>
              </a:r>
              <a:r>
                <a:rPr lang="en-US" altLang="ko-KR" sz="28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Game design / Graphic</a:t>
              </a:r>
              <a:endParaRPr lang="ko-KR" altLang="en-US" sz="24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grpSp>
        <p:nvGrpSpPr>
          <p:cNvPr id="28" name="그룹 27"/>
          <p:cNvGrpSpPr/>
          <p:nvPr/>
        </p:nvGrpSpPr>
        <p:grpSpPr>
          <a:xfrm>
            <a:off x="5843189" y="1798328"/>
            <a:ext cx="3101521" cy="1233643"/>
            <a:chOff x="5843189" y="1874528"/>
            <a:chExt cx="3101521" cy="1233643"/>
          </a:xfrm>
        </p:grpSpPr>
        <p:sp>
          <p:nvSpPr>
            <p:cNvPr id="327" name="직사각형 326"/>
            <p:cNvSpPr/>
            <p:nvPr/>
          </p:nvSpPr>
          <p:spPr>
            <a:xfrm>
              <a:off x="6363935" y="1874528"/>
              <a:ext cx="2061340" cy="84707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40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현재혁</a:t>
              </a:r>
              <a:endParaRPr lang="ko-KR" altLang="en-US" sz="36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334" name="직사각형 333"/>
            <p:cNvSpPr/>
            <p:nvPr/>
          </p:nvSpPr>
          <p:spPr>
            <a:xfrm>
              <a:off x="5843189" y="2720596"/>
              <a:ext cx="3101521" cy="387575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28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Sound / </a:t>
              </a:r>
              <a:r>
                <a:rPr lang="en-US" altLang="ko-KR" sz="2800" dirty="0" err="1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Fx</a:t>
              </a:r>
              <a:endParaRPr lang="ko-KR" altLang="en-US" sz="24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grpSp>
        <p:nvGrpSpPr>
          <p:cNvPr id="29" name="그룹 28"/>
          <p:cNvGrpSpPr/>
          <p:nvPr/>
        </p:nvGrpSpPr>
        <p:grpSpPr>
          <a:xfrm>
            <a:off x="8377587" y="4664685"/>
            <a:ext cx="3101521" cy="1222558"/>
            <a:chOff x="8377587" y="4596105"/>
            <a:chExt cx="3101521" cy="1222558"/>
          </a:xfrm>
        </p:grpSpPr>
        <p:sp>
          <p:nvSpPr>
            <p:cNvPr id="328" name="직사각형 327"/>
            <p:cNvSpPr/>
            <p:nvPr/>
          </p:nvSpPr>
          <p:spPr>
            <a:xfrm>
              <a:off x="8946916" y="4971592"/>
              <a:ext cx="2061340" cy="84707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36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신재웅</a:t>
              </a:r>
              <a:endParaRPr lang="ko-KR" altLang="en-US" sz="36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335" name="직사각형 334"/>
            <p:cNvSpPr/>
            <p:nvPr/>
          </p:nvSpPr>
          <p:spPr>
            <a:xfrm>
              <a:off x="8377587" y="4596105"/>
              <a:ext cx="3101521" cy="387575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28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Ex</a:t>
              </a:r>
              <a:endParaRPr lang="ko-KR" altLang="en-US" sz="24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044917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37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Vertical)">
                                      <p:cBhvr>
                                        <p:cTn id="7" dur="250"/>
                                        <p:tgtEl>
                                          <p:spTgt spid="2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50"/>
                            </p:stCondLst>
                            <p:childTnLst>
                              <p:par>
                                <p:cTn id="9" presetID="3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15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5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15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15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15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5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400"/>
                            </p:stCondLst>
                            <p:childTnLst>
                              <p:par>
                                <p:cTn id="21" presetID="3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15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15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15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6" dur="1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47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1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0" dur="15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15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50"/>
                            </p:stCondLst>
                            <p:childTnLst>
                              <p:par>
                                <p:cTn id="33" presetID="3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15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15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5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15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1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2" dur="15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15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700"/>
                            </p:stCondLst>
                            <p:childTnLst>
                              <p:par>
                                <p:cTn id="45" presetID="3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7" dur="15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15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15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0" dur="1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47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1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4" dur="15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15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9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2" name="모서리가 둥근 직사각형 81"/>
          <p:cNvSpPr/>
          <p:nvPr/>
        </p:nvSpPr>
        <p:spPr>
          <a:xfrm>
            <a:off x="1461470" y="1829631"/>
            <a:ext cx="2287093" cy="4118367"/>
          </a:xfrm>
          <a:prstGeom prst="roundRect">
            <a:avLst>
              <a:gd name="adj" fmla="val 11749"/>
            </a:avLst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HY얕은샘물M" panose="02030600000101010101" pitchFamily="18" charset="-127"/>
              <a:ea typeface="HY얕은샘물M" panose="02030600000101010101" pitchFamily="18" charset="-127"/>
            </a:endParaRPr>
          </a:p>
        </p:txBody>
      </p:sp>
      <p:sp>
        <p:nvSpPr>
          <p:cNvPr id="86" name="모서리가 둥근 직사각형 85"/>
          <p:cNvSpPr/>
          <p:nvPr/>
        </p:nvSpPr>
        <p:spPr>
          <a:xfrm rot="10800000">
            <a:off x="1676266" y="3292003"/>
            <a:ext cx="1857500" cy="2487508"/>
          </a:xfrm>
          <a:prstGeom prst="roundRect">
            <a:avLst>
              <a:gd name="adj" fmla="val 11749"/>
            </a:avLst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HY얕은샘물M" panose="02030600000101010101" pitchFamily="18" charset="-127"/>
              <a:ea typeface="HY얕은샘물M" panose="02030600000101010101" pitchFamily="18" charset="-127"/>
            </a:endParaRPr>
          </a:p>
        </p:txBody>
      </p:sp>
      <p:sp>
        <p:nvSpPr>
          <p:cNvPr id="90" name="직사각형 89"/>
          <p:cNvSpPr/>
          <p:nvPr/>
        </p:nvSpPr>
        <p:spPr>
          <a:xfrm>
            <a:off x="1461469" y="1908207"/>
            <a:ext cx="2287093" cy="130522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5400" b="1" dirty="0" smtClean="0">
                <a:solidFill>
                  <a:schemeClr val="bg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장르</a:t>
            </a:r>
            <a:endParaRPr lang="ko-KR" altLang="en-US" sz="1100" b="1" dirty="0">
              <a:solidFill>
                <a:schemeClr val="bg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grpSp>
        <p:nvGrpSpPr>
          <p:cNvPr id="24" name="그룹 23"/>
          <p:cNvGrpSpPr/>
          <p:nvPr/>
        </p:nvGrpSpPr>
        <p:grpSpPr>
          <a:xfrm>
            <a:off x="1739754" y="3624691"/>
            <a:ext cx="1730522" cy="1779062"/>
            <a:chOff x="1739754" y="3649029"/>
            <a:chExt cx="1730522" cy="1779062"/>
          </a:xfrm>
        </p:grpSpPr>
        <p:sp>
          <p:nvSpPr>
            <p:cNvPr id="193" name="타원 192"/>
            <p:cNvSpPr/>
            <p:nvPr/>
          </p:nvSpPr>
          <p:spPr>
            <a:xfrm>
              <a:off x="2134021" y="4078476"/>
              <a:ext cx="931072" cy="931072"/>
            </a:xfrm>
            <a:prstGeom prst="ellipse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22" name="그룹 21"/>
            <p:cNvGrpSpPr/>
            <p:nvPr/>
          </p:nvGrpSpPr>
          <p:grpSpPr>
            <a:xfrm>
              <a:off x="1739754" y="3649029"/>
              <a:ext cx="1730522" cy="1779062"/>
              <a:chOff x="1739754" y="3649029"/>
              <a:chExt cx="1730522" cy="1779062"/>
            </a:xfrm>
          </p:grpSpPr>
          <p:grpSp>
            <p:nvGrpSpPr>
              <p:cNvPr id="153" name="그룹 152"/>
              <p:cNvGrpSpPr/>
              <p:nvPr/>
            </p:nvGrpSpPr>
            <p:grpSpPr>
              <a:xfrm>
                <a:off x="1739754" y="3649029"/>
                <a:ext cx="1730522" cy="1733375"/>
                <a:chOff x="1309934" y="-1231900"/>
                <a:chExt cx="5163007" cy="5171517"/>
              </a:xfrm>
            </p:grpSpPr>
            <p:sp>
              <p:nvSpPr>
                <p:cNvPr id="187" name="모서리가 둥근 직사각형 186"/>
                <p:cNvSpPr/>
                <p:nvPr/>
              </p:nvSpPr>
              <p:spPr>
                <a:xfrm rot="5400000">
                  <a:off x="1456224" y="1298949"/>
                  <a:ext cx="1569705" cy="298695"/>
                </a:xfrm>
                <a:prstGeom prst="roundRect">
                  <a:avLst>
                    <a:gd name="adj" fmla="val 50000"/>
                  </a:avLst>
                </a:prstGeom>
                <a:solidFill>
                  <a:srgbClr val="00000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188" name="모서리가 둥근 직사각형 187"/>
                <p:cNvSpPr/>
                <p:nvPr/>
              </p:nvSpPr>
              <p:spPr>
                <a:xfrm rot="5400000">
                  <a:off x="4758751" y="1298949"/>
                  <a:ext cx="1569705" cy="298695"/>
                </a:xfrm>
                <a:prstGeom prst="roundRect">
                  <a:avLst>
                    <a:gd name="adj" fmla="val 50000"/>
                  </a:avLst>
                </a:prstGeom>
                <a:solidFill>
                  <a:srgbClr val="00000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189" name="순서도: 화면 표시 15"/>
                <p:cNvSpPr/>
                <p:nvPr/>
              </p:nvSpPr>
              <p:spPr>
                <a:xfrm rot="10800000">
                  <a:off x="1309934" y="663442"/>
                  <a:ext cx="649812" cy="1569707"/>
                </a:xfrm>
                <a:custGeom>
                  <a:avLst/>
                  <a:gdLst>
                    <a:gd name="connsiteX0" fmla="*/ 0 w 10000"/>
                    <a:gd name="connsiteY0" fmla="*/ 5000 h 10000"/>
                    <a:gd name="connsiteX1" fmla="*/ 1667 w 10000"/>
                    <a:gd name="connsiteY1" fmla="*/ 0 h 10000"/>
                    <a:gd name="connsiteX2" fmla="*/ 8333 w 10000"/>
                    <a:gd name="connsiteY2" fmla="*/ 0 h 10000"/>
                    <a:gd name="connsiteX3" fmla="*/ 10000 w 10000"/>
                    <a:gd name="connsiteY3" fmla="*/ 5000 h 10000"/>
                    <a:gd name="connsiteX4" fmla="*/ 8333 w 10000"/>
                    <a:gd name="connsiteY4" fmla="*/ 10000 h 10000"/>
                    <a:gd name="connsiteX5" fmla="*/ 1667 w 10000"/>
                    <a:gd name="connsiteY5" fmla="*/ 10000 h 10000"/>
                    <a:gd name="connsiteX6" fmla="*/ 0 w 10000"/>
                    <a:gd name="connsiteY6" fmla="*/ 5000 h 10000"/>
                    <a:gd name="connsiteX0" fmla="*/ 0 w 8333"/>
                    <a:gd name="connsiteY0" fmla="*/ 10000 h 10000"/>
                    <a:gd name="connsiteX1" fmla="*/ 0 w 8333"/>
                    <a:gd name="connsiteY1" fmla="*/ 0 h 10000"/>
                    <a:gd name="connsiteX2" fmla="*/ 6666 w 8333"/>
                    <a:gd name="connsiteY2" fmla="*/ 0 h 10000"/>
                    <a:gd name="connsiteX3" fmla="*/ 8333 w 8333"/>
                    <a:gd name="connsiteY3" fmla="*/ 5000 h 10000"/>
                    <a:gd name="connsiteX4" fmla="*/ 6666 w 8333"/>
                    <a:gd name="connsiteY4" fmla="*/ 10000 h 10000"/>
                    <a:gd name="connsiteX5" fmla="*/ 0 w 8333"/>
                    <a:gd name="connsiteY5" fmla="*/ 10000 h 10000"/>
                    <a:gd name="connsiteX0" fmla="*/ 0 w 10000"/>
                    <a:gd name="connsiteY0" fmla="*/ 10000 h 10000"/>
                    <a:gd name="connsiteX1" fmla="*/ 8000 w 10000"/>
                    <a:gd name="connsiteY1" fmla="*/ 0 h 10000"/>
                    <a:gd name="connsiteX2" fmla="*/ 10000 w 10000"/>
                    <a:gd name="connsiteY2" fmla="*/ 5000 h 10000"/>
                    <a:gd name="connsiteX3" fmla="*/ 8000 w 10000"/>
                    <a:gd name="connsiteY3" fmla="*/ 10000 h 10000"/>
                    <a:gd name="connsiteX4" fmla="*/ 0 w 10000"/>
                    <a:gd name="connsiteY4" fmla="*/ 10000 h 10000"/>
                    <a:gd name="connsiteX0" fmla="*/ 0 w 2000"/>
                    <a:gd name="connsiteY0" fmla="*/ 10000 h 10000"/>
                    <a:gd name="connsiteX1" fmla="*/ 0 w 2000"/>
                    <a:gd name="connsiteY1" fmla="*/ 0 h 10000"/>
                    <a:gd name="connsiteX2" fmla="*/ 2000 w 2000"/>
                    <a:gd name="connsiteY2" fmla="*/ 5000 h 10000"/>
                    <a:gd name="connsiteX3" fmla="*/ 0 w 2000"/>
                    <a:gd name="connsiteY3" fmla="*/ 10000 h 100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2000" h="10000">
                      <a:moveTo>
                        <a:pt x="0" y="10000"/>
                      </a:moveTo>
                      <a:lnTo>
                        <a:pt x="0" y="0"/>
                      </a:lnTo>
                      <a:cubicBezTo>
                        <a:pt x="1105" y="0"/>
                        <a:pt x="2000" y="2239"/>
                        <a:pt x="2000" y="5000"/>
                      </a:cubicBezTo>
                      <a:cubicBezTo>
                        <a:pt x="2000" y="7761"/>
                        <a:pt x="1105" y="10000"/>
                        <a:pt x="0" y="10000"/>
                      </a:cubicBezTo>
                      <a:close/>
                    </a:path>
                  </a:pathLst>
                </a:custGeom>
                <a:solidFill>
                  <a:srgbClr val="00000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190" name="순서도: 화면 표시 15"/>
                <p:cNvSpPr/>
                <p:nvPr/>
              </p:nvSpPr>
              <p:spPr>
                <a:xfrm>
                  <a:off x="5823129" y="663443"/>
                  <a:ext cx="649812" cy="1569707"/>
                </a:xfrm>
                <a:custGeom>
                  <a:avLst/>
                  <a:gdLst>
                    <a:gd name="connsiteX0" fmla="*/ 0 w 10000"/>
                    <a:gd name="connsiteY0" fmla="*/ 5000 h 10000"/>
                    <a:gd name="connsiteX1" fmla="*/ 1667 w 10000"/>
                    <a:gd name="connsiteY1" fmla="*/ 0 h 10000"/>
                    <a:gd name="connsiteX2" fmla="*/ 8333 w 10000"/>
                    <a:gd name="connsiteY2" fmla="*/ 0 h 10000"/>
                    <a:gd name="connsiteX3" fmla="*/ 10000 w 10000"/>
                    <a:gd name="connsiteY3" fmla="*/ 5000 h 10000"/>
                    <a:gd name="connsiteX4" fmla="*/ 8333 w 10000"/>
                    <a:gd name="connsiteY4" fmla="*/ 10000 h 10000"/>
                    <a:gd name="connsiteX5" fmla="*/ 1667 w 10000"/>
                    <a:gd name="connsiteY5" fmla="*/ 10000 h 10000"/>
                    <a:gd name="connsiteX6" fmla="*/ 0 w 10000"/>
                    <a:gd name="connsiteY6" fmla="*/ 5000 h 10000"/>
                    <a:gd name="connsiteX0" fmla="*/ 0 w 8333"/>
                    <a:gd name="connsiteY0" fmla="*/ 10000 h 10000"/>
                    <a:gd name="connsiteX1" fmla="*/ 0 w 8333"/>
                    <a:gd name="connsiteY1" fmla="*/ 0 h 10000"/>
                    <a:gd name="connsiteX2" fmla="*/ 6666 w 8333"/>
                    <a:gd name="connsiteY2" fmla="*/ 0 h 10000"/>
                    <a:gd name="connsiteX3" fmla="*/ 8333 w 8333"/>
                    <a:gd name="connsiteY3" fmla="*/ 5000 h 10000"/>
                    <a:gd name="connsiteX4" fmla="*/ 6666 w 8333"/>
                    <a:gd name="connsiteY4" fmla="*/ 10000 h 10000"/>
                    <a:gd name="connsiteX5" fmla="*/ 0 w 8333"/>
                    <a:gd name="connsiteY5" fmla="*/ 10000 h 10000"/>
                    <a:gd name="connsiteX0" fmla="*/ 0 w 10000"/>
                    <a:gd name="connsiteY0" fmla="*/ 10000 h 10000"/>
                    <a:gd name="connsiteX1" fmla="*/ 8000 w 10000"/>
                    <a:gd name="connsiteY1" fmla="*/ 0 h 10000"/>
                    <a:gd name="connsiteX2" fmla="*/ 10000 w 10000"/>
                    <a:gd name="connsiteY2" fmla="*/ 5000 h 10000"/>
                    <a:gd name="connsiteX3" fmla="*/ 8000 w 10000"/>
                    <a:gd name="connsiteY3" fmla="*/ 10000 h 10000"/>
                    <a:gd name="connsiteX4" fmla="*/ 0 w 10000"/>
                    <a:gd name="connsiteY4" fmla="*/ 10000 h 10000"/>
                    <a:gd name="connsiteX0" fmla="*/ 0 w 2000"/>
                    <a:gd name="connsiteY0" fmla="*/ 10000 h 10000"/>
                    <a:gd name="connsiteX1" fmla="*/ 0 w 2000"/>
                    <a:gd name="connsiteY1" fmla="*/ 0 h 10000"/>
                    <a:gd name="connsiteX2" fmla="*/ 2000 w 2000"/>
                    <a:gd name="connsiteY2" fmla="*/ 5000 h 10000"/>
                    <a:gd name="connsiteX3" fmla="*/ 0 w 2000"/>
                    <a:gd name="connsiteY3" fmla="*/ 10000 h 100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2000" h="10000">
                      <a:moveTo>
                        <a:pt x="0" y="10000"/>
                      </a:moveTo>
                      <a:lnTo>
                        <a:pt x="0" y="0"/>
                      </a:lnTo>
                      <a:cubicBezTo>
                        <a:pt x="1105" y="0"/>
                        <a:pt x="2000" y="2239"/>
                        <a:pt x="2000" y="5000"/>
                      </a:cubicBezTo>
                      <a:cubicBezTo>
                        <a:pt x="2000" y="7761"/>
                        <a:pt x="1105" y="10000"/>
                        <a:pt x="0" y="10000"/>
                      </a:cubicBezTo>
                      <a:close/>
                    </a:path>
                  </a:pathLst>
                </a:custGeom>
                <a:solidFill>
                  <a:srgbClr val="00000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191" name="막힌 원호 190"/>
                <p:cNvSpPr/>
                <p:nvPr/>
              </p:nvSpPr>
              <p:spPr>
                <a:xfrm>
                  <a:off x="1703680" y="-1132592"/>
                  <a:ext cx="4386627" cy="5072209"/>
                </a:xfrm>
                <a:prstGeom prst="blockArc">
                  <a:avLst>
                    <a:gd name="adj1" fmla="val 10745541"/>
                    <a:gd name="adj2" fmla="val 21570383"/>
                    <a:gd name="adj3" fmla="val 4652"/>
                  </a:avLst>
                </a:prstGeom>
                <a:solidFill>
                  <a:srgbClr val="00000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192" name="모서리가 둥근 직사각형 25"/>
                <p:cNvSpPr/>
                <p:nvPr/>
              </p:nvSpPr>
              <p:spPr>
                <a:xfrm rot="10800000">
                  <a:off x="2556064" y="-1231900"/>
                  <a:ext cx="2681862" cy="763229"/>
                </a:xfrm>
                <a:custGeom>
                  <a:avLst/>
                  <a:gdLst>
                    <a:gd name="connsiteX0" fmla="*/ 0 w 1591729"/>
                    <a:gd name="connsiteY0" fmla="*/ 151443 h 302886"/>
                    <a:gd name="connsiteX1" fmla="*/ 151443 w 1591729"/>
                    <a:gd name="connsiteY1" fmla="*/ 0 h 302886"/>
                    <a:gd name="connsiteX2" fmla="*/ 1440286 w 1591729"/>
                    <a:gd name="connsiteY2" fmla="*/ 0 h 302886"/>
                    <a:gd name="connsiteX3" fmla="*/ 1591729 w 1591729"/>
                    <a:gd name="connsiteY3" fmla="*/ 151443 h 302886"/>
                    <a:gd name="connsiteX4" fmla="*/ 1591729 w 1591729"/>
                    <a:gd name="connsiteY4" fmla="*/ 151443 h 302886"/>
                    <a:gd name="connsiteX5" fmla="*/ 1440286 w 1591729"/>
                    <a:gd name="connsiteY5" fmla="*/ 302886 h 302886"/>
                    <a:gd name="connsiteX6" fmla="*/ 151443 w 1591729"/>
                    <a:gd name="connsiteY6" fmla="*/ 302886 h 302886"/>
                    <a:gd name="connsiteX7" fmla="*/ 0 w 1591729"/>
                    <a:gd name="connsiteY7" fmla="*/ 151443 h 302886"/>
                    <a:gd name="connsiteX0" fmla="*/ 0 w 1591729"/>
                    <a:gd name="connsiteY0" fmla="*/ 151443 h 387552"/>
                    <a:gd name="connsiteX1" fmla="*/ 151443 w 1591729"/>
                    <a:gd name="connsiteY1" fmla="*/ 0 h 387552"/>
                    <a:gd name="connsiteX2" fmla="*/ 1440286 w 1591729"/>
                    <a:gd name="connsiteY2" fmla="*/ 0 h 387552"/>
                    <a:gd name="connsiteX3" fmla="*/ 1591729 w 1591729"/>
                    <a:gd name="connsiteY3" fmla="*/ 151443 h 387552"/>
                    <a:gd name="connsiteX4" fmla="*/ 1591729 w 1591729"/>
                    <a:gd name="connsiteY4" fmla="*/ 151443 h 387552"/>
                    <a:gd name="connsiteX5" fmla="*/ 1440286 w 1591729"/>
                    <a:gd name="connsiteY5" fmla="*/ 302886 h 387552"/>
                    <a:gd name="connsiteX6" fmla="*/ 151443 w 1591729"/>
                    <a:gd name="connsiteY6" fmla="*/ 302886 h 387552"/>
                    <a:gd name="connsiteX7" fmla="*/ 0 w 1591729"/>
                    <a:gd name="connsiteY7" fmla="*/ 151443 h 387552"/>
                    <a:gd name="connsiteX0" fmla="*/ 0 w 1591729"/>
                    <a:gd name="connsiteY0" fmla="*/ 151443 h 452989"/>
                    <a:gd name="connsiteX1" fmla="*/ 151443 w 1591729"/>
                    <a:gd name="connsiteY1" fmla="*/ 0 h 452989"/>
                    <a:gd name="connsiteX2" fmla="*/ 1440286 w 1591729"/>
                    <a:gd name="connsiteY2" fmla="*/ 0 h 452989"/>
                    <a:gd name="connsiteX3" fmla="*/ 1591729 w 1591729"/>
                    <a:gd name="connsiteY3" fmla="*/ 151443 h 452989"/>
                    <a:gd name="connsiteX4" fmla="*/ 1591729 w 1591729"/>
                    <a:gd name="connsiteY4" fmla="*/ 151443 h 452989"/>
                    <a:gd name="connsiteX5" fmla="*/ 1440286 w 1591729"/>
                    <a:gd name="connsiteY5" fmla="*/ 302886 h 452989"/>
                    <a:gd name="connsiteX6" fmla="*/ 151443 w 1591729"/>
                    <a:gd name="connsiteY6" fmla="*/ 302886 h 452989"/>
                    <a:gd name="connsiteX7" fmla="*/ 0 w 1591729"/>
                    <a:gd name="connsiteY7" fmla="*/ 151443 h 452989"/>
                    <a:gd name="connsiteX0" fmla="*/ 0 w 1591729"/>
                    <a:gd name="connsiteY0" fmla="*/ 151443 h 452989"/>
                    <a:gd name="connsiteX1" fmla="*/ 151443 w 1591729"/>
                    <a:gd name="connsiteY1" fmla="*/ 0 h 452989"/>
                    <a:gd name="connsiteX2" fmla="*/ 1440286 w 1591729"/>
                    <a:gd name="connsiteY2" fmla="*/ 0 h 452989"/>
                    <a:gd name="connsiteX3" fmla="*/ 1591729 w 1591729"/>
                    <a:gd name="connsiteY3" fmla="*/ 151443 h 452989"/>
                    <a:gd name="connsiteX4" fmla="*/ 1591729 w 1591729"/>
                    <a:gd name="connsiteY4" fmla="*/ 151443 h 452989"/>
                    <a:gd name="connsiteX5" fmla="*/ 1440286 w 1591729"/>
                    <a:gd name="connsiteY5" fmla="*/ 302886 h 452989"/>
                    <a:gd name="connsiteX6" fmla="*/ 151443 w 1591729"/>
                    <a:gd name="connsiteY6" fmla="*/ 302886 h 452989"/>
                    <a:gd name="connsiteX7" fmla="*/ 0 w 1591729"/>
                    <a:gd name="connsiteY7" fmla="*/ 151443 h 452989"/>
                    <a:gd name="connsiteX0" fmla="*/ 0 w 1591729"/>
                    <a:gd name="connsiteY0" fmla="*/ 151443 h 452989"/>
                    <a:gd name="connsiteX1" fmla="*/ 151443 w 1591729"/>
                    <a:gd name="connsiteY1" fmla="*/ 0 h 452989"/>
                    <a:gd name="connsiteX2" fmla="*/ 1440286 w 1591729"/>
                    <a:gd name="connsiteY2" fmla="*/ 0 h 452989"/>
                    <a:gd name="connsiteX3" fmla="*/ 1591729 w 1591729"/>
                    <a:gd name="connsiteY3" fmla="*/ 151443 h 452989"/>
                    <a:gd name="connsiteX4" fmla="*/ 1591729 w 1591729"/>
                    <a:gd name="connsiteY4" fmla="*/ 151443 h 452989"/>
                    <a:gd name="connsiteX5" fmla="*/ 1440286 w 1591729"/>
                    <a:gd name="connsiteY5" fmla="*/ 302886 h 452989"/>
                    <a:gd name="connsiteX6" fmla="*/ 151443 w 1591729"/>
                    <a:gd name="connsiteY6" fmla="*/ 302886 h 452989"/>
                    <a:gd name="connsiteX7" fmla="*/ 0 w 1591729"/>
                    <a:gd name="connsiteY7" fmla="*/ 151443 h 45298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</a:cxnLst>
                  <a:rect l="l" t="t" r="r" b="b"/>
                  <a:pathLst>
                    <a:path w="1591729" h="452989">
                      <a:moveTo>
                        <a:pt x="0" y="151443"/>
                      </a:moveTo>
                      <a:cubicBezTo>
                        <a:pt x="0" y="67803"/>
                        <a:pt x="67803" y="0"/>
                        <a:pt x="151443" y="0"/>
                      </a:cubicBezTo>
                      <a:cubicBezTo>
                        <a:pt x="581057" y="219075"/>
                        <a:pt x="963047" y="200025"/>
                        <a:pt x="1440286" y="0"/>
                      </a:cubicBezTo>
                      <a:cubicBezTo>
                        <a:pt x="1523926" y="0"/>
                        <a:pt x="1591729" y="67803"/>
                        <a:pt x="1591729" y="151443"/>
                      </a:cubicBezTo>
                      <a:lnTo>
                        <a:pt x="1591729" y="151443"/>
                      </a:lnTo>
                      <a:cubicBezTo>
                        <a:pt x="1591729" y="235083"/>
                        <a:pt x="1523926" y="302886"/>
                        <a:pt x="1440286" y="302886"/>
                      </a:cubicBezTo>
                      <a:cubicBezTo>
                        <a:pt x="991622" y="512436"/>
                        <a:pt x="600107" y="493386"/>
                        <a:pt x="151443" y="302886"/>
                      </a:cubicBezTo>
                      <a:cubicBezTo>
                        <a:pt x="67803" y="302886"/>
                        <a:pt x="0" y="235083"/>
                        <a:pt x="0" y="151443"/>
                      </a:cubicBezTo>
                      <a:close/>
                    </a:path>
                  </a:pathLst>
                </a:custGeom>
                <a:solidFill>
                  <a:srgbClr val="00000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dirty="0"/>
                </a:p>
              </p:txBody>
            </p:sp>
          </p:grpSp>
          <p:sp>
            <p:nvSpPr>
              <p:cNvPr id="194" name="타원 193"/>
              <p:cNvSpPr/>
              <p:nvPr/>
            </p:nvSpPr>
            <p:spPr>
              <a:xfrm>
                <a:off x="2185790" y="4130983"/>
                <a:ext cx="832773" cy="832774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grpSp>
            <p:nvGrpSpPr>
              <p:cNvPr id="14" name="그룹 13"/>
              <p:cNvGrpSpPr/>
              <p:nvPr/>
            </p:nvGrpSpPr>
            <p:grpSpPr>
              <a:xfrm>
                <a:off x="2545030" y="4477244"/>
                <a:ext cx="109051" cy="109051"/>
                <a:chOff x="8379856" y="-1957307"/>
                <a:chExt cx="2170517" cy="2170517"/>
              </a:xfrm>
            </p:grpSpPr>
            <p:sp>
              <p:nvSpPr>
                <p:cNvPr id="196" name="타원 195"/>
                <p:cNvSpPr/>
                <p:nvPr/>
              </p:nvSpPr>
              <p:spPr>
                <a:xfrm>
                  <a:off x="8379856" y="-1957307"/>
                  <a:ext cx="2170517" cy="2170517"/>
                </a:xfrm>
                <a:prstGeom prst="ellipse">
                  <a:avLst/>
                </a:prstGeom>
                <a:solidFill>
                  <a:srgbClr val="00000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197" name="타원 196"/>
                <p:cNvSpPr/>
                <p:nvPr/>
              </p:nvSpPr>
              <p:spPr>
                <a:xfrm>
                  <a:off x="8710495" y="-1593319"/>
                  <a:ext cx="1509238" cy="1509238"/>
                </a:xfrm>
                <a:prstGeom prst="ellipse">
                  <a:avLst/>
                </a:prstGeom>
                <a:solidFill>
                  <a:srgbClr val="FFFFFF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</p:grpSp>
          <p:grpSp>
            <p:nvGrpSpPr>
              <p:cNvPr id="219" name="그룹 218"/>
              <p:cNvGrpSpPr/>
              <p:nvPr/>
            </p:nvGrpSpPr>
            <p:grpSpPr>
              <a:xfrm>
                <a:off x="2373128" y="5017025"/>
                <a:ext cx="528681" cy="411066"/>
                <a:chOff x="3245982" y="1034109"/>
                <a:chExt cx="4740731" cy="3686071"/>
              </a:xfrm>
              <a:solidFill>
                <a:schemeClr val="tx1"/>
              </a:solidFill>
            </p:grpSpPr>
            <p:sp>
              <p:nvSpPr>
                <p:cNvPr id="220" name="모서리가 둥근 직사각형 219"/>
                <p:cNvSpPr/>
                <p:nvPr/>
              </p:nvSpPr>
              <p:spPr>
                <a:xfrm>
                  <a:off x="3245982" y="2676525"/>
                  <a:ext cx="945017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221" name="모서리가 둥근 직사각형 220"/>
                <p:cNvSpPr/>
                <p:nvPr/>
              </p:nvSpPr>
              <p:spPr>
                <a:xfrm rot="6788964">
                  <a:off x="3663773" y="2309798"/>
                  <a:ext cx="1068740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222" name="모서리가 둥근 직사각형 221"/>
                <p:cNvSpPr/>
                <p:nvPr/>
              </p:nvSpPr>
              <p:spPr>
                <a:xfrm rot="4805967">
                  <a:off x="3456512" y="2864800"/>
                  <a:ext cx="2106035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223" name="모서리가 둥근 직사각형 222"/>
                <p:cNvSpPr/>
                <p:nvPr/>
              </p:nvSpPr>
              <p:spPr>
                <a:xfrm rot="6300000">
                  <a:off x="3477320" y="2406262"/>
                  <a:ext cx="3068155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224" name="모서리가 둥근 직사각형 223"/>
                <p:cNvSpPr/>
                <p:nvPr/>
              </p:nvSpPr>
              <p:spPr>
                <a:xfrm rot="4961767">
                  <a:off x="3764050" y="2735371"/>
                  <a:ext cx="3626126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225" name="모서리가 둥근 직사각형 224"/>
                <p:cNvSpPr/>
                <p:nvPr/>
              </p:nvSpPr>
              <p:spPr>
                <a:xfrm rot="6300000">
                  <a:off x="4751433" y="3212477"/>
                  <a:ext cx="2691557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226" name="모서리가 둥근 직사각형 225"/>
                <p:cNvSpPr/>
                <p:nvPr/>
              </p:nvSpPr>
              <p:spPr>
                <a:xfrm rot="4500000">
                  <a:off x="5962760" y="2428717"/>
                  <a:ext cx="1068740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227" name="모서리가 둥근 직사각형 226"/>
                <p:cNvSpPr/>
                <p:nvPr/>
              </p:nvSpPr>
              <p:spPr>
                <a:xfrm>
                  <a:off x="6451144" y="2790825"/>
                  <a:ext cx="1535569" cy="323850"/>
                </a:xfrm>
                <a:prstGeom prst="roundRect">
                  <a:avLst>
                    <a:gd name="adj" fmla="val 50000"/>
                  </a:avLst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</p:grpSp>
        </p:grpSp>
      </p:grp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err="1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게임개요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83" name="모서리가 둥근 직사각형 82"/>
          <p:cNvSpPr/>
          <p:nvPr/>
        </p:nvSpPr>
        <p:spPr>
          <a:xfrm>
            <a:off x="8434008" y="1829630"/>
            <a:ext cx="2287093" cy="4118367"/>
          </a:xfrm>
          <a:prstGeom prst="roundRect">
            <a:avLst>
              <a:gd name="adj" fmla="val 11749"/>
            </a:avLst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HY얕은샘물M" panose="02030600000101010101" pitchFamily="18" charset="-127"/>
              <a:ea typeface="HY얕은샘물M" panose="02030600000101010101" pitchFamily="18" charset="-127"/>
            </a:endParaRPr>
          </a:p>
        </p:txBody>
      </p:sp>
      <p:sp>
        <p:nvSpPr>
          <p:cNvPr id="87" name="모서리가 둥근 직사각형 86"/>
          <p:cNvSpPr/>
          <p:nvPr/>
        </p:nvSpPr>
        <p:spPr>
          <a:xfrm rot="10800000">
            <a:off x="8648804" y="3292001"/>
            <a:ext cx="1857500" cy="2487508"/>
          </a:xfrm>
          <a:prstGeom prst="roundRect">
            <a:avLst>
              <a:gd name="adj" fmla="val 11749"/>
            </a:avLst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HY얕은샘물M" panose="02030600000101010101" pitchFamily="18" charset="-127"/>
              <a:ea typeface="HY얕은샘물M" panose="02030600000101010101" pitchFamily="18" charset="-127"/>
            </a:endParaRPr>
          </a:p>
        </p:txBody>
      </p:sp>
      <p:sp>
        <p:nvSpPr>
          <p:cNvPr id="91" name="직사각형 90"/>
          <p:cNvSpPr/>
          <p:nvPr/>
        </p:nvSpPr>
        <p:spPr>
          <a:xfrm>
            <a:off x="8434006" y="1908205"/>
            <a:ext cx="2287093" cy="130522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5400" b="1" dirty="0" smtClean="0">
                <a:solidFill>
                  <a:schemeClr val="bg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플랫폼</a:t>
            </a:r>
            <a:endParaRPr lang="ko-KR" altLang="en-US" sz="1100" b="1" dirty="0">
              <a:solidFill>
                <a:schemeClr val="bg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84" name="모서리가 둥근 직사각형 83"/>
          <p:cNvSpPr/>
          <p:nvPr/>
        </p:nvSpPr>
        <p:spPr>
          <a:xfrm>
            <a:off x="4947740" y="1829632"/>
            <a:ext cx="2287093" cy="4118367"/>
          </a:xfrm>
          <a:prstGeom prst="roundRect">
            <a:avLst>
              <a:gd name="adj" fmla="val 11749"/>
            </a:avLst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HY얕은샘물M" panose="02030600000101010101" pitchFamily="18" charset="-127"/>
              <a:ea typeface="HY얕은샘물M" panose="02030600000101010101" pitchFamily="18" charset="-127"/>
            </a:endParaRPr>
          </a:p>
        </p:txBody>
      </p:sp>
      <p:sp>
        <p:nvSpPr>
          <p:cNvPr id="88" name="모서리가 둥근 직사각형 87"/>
          <p:cNvSpPr/>
          <p:nvPr/>
        </p:nvSpPr>
        <p:spPr>
          <a:xfrm rot="10800000">
            <a:off x="5162536" y="3292003"/>
            <a:ext cx="1857500" cy="2487508"/>
          </a:xfrm>
          <a:prstGeom prst="roundRect">
            <a:avLst>
              <a:gd name="adj" fmla="val 11749"/>
            </a:avLst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HY얕은샘물M" panose="02030600000101010101" pitchFamily="18" charset="-127"/>
              <a:ea typeface="HY얕은샘물M" panose="02030600000101010101" pitchFamily="18" charset="-127"/>
            </a:endParaRPr>
          </a:p>
        </p:txBody>
      </p:sp>
      <p:sp>
        <p:nvSpPr>
          <p:cNvPr id="92" name="직사각형 91"/>
          <p:cNvSpPr/>
          <p:nvPr/>
        </p:nvSpPr>
        <p:spPr>
          <a:xfrm>
            <a:off x="4947738" y="1908206"/>
            <a:ext cx="2287093" cy="130522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5400" b="1" dirty="0" smtClean="0">
                <a:solidFill>
                  <a:schemeClr val="bg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컨셉</a:t>
            </a:r>
            <a:endParaRPr lang="ko-KR" altLang="en-US" sz="1100" b="1" dirty="0">
              <a:solidFill>
                <a:schemeClr val="bg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grpSp>
        <p:nvGrpSpPr>
          <p:cNvPr id="104" name="그룹 103"/>
          <p:cNvGrpSpPr/>
          <p:nvPr/>
        </p:nvGrpSpPr>
        <p:grpSpPr>
          <a:xfrm>
            <a:off x="5365655" y="3810124"/>
            <a:ext cx="1451261" cy="1451261"/>
            <a:chOff x="6090307" y="3671902"/>
            <a:chExt cx="1790700" cy="1790700"/>
          </a:xfrm>
        </p:grpSpPr>
        <p:sp>
          <p:nvSpPr>
            <p:cNvPr id="105" name="타원 104"/>
            <p:cNvSpPr/>
            <p:nvPr/>
          </p:nvSpPr>
          <p:spPr>
            <a:xfrm>
              <a:off x="6090307" y="3671902"/>
              <a:ext cx="1790700" cy="1790700"/>
            </a:xfrm>
            <a:prstGeom prst="ellipse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106" name="그룹 105"/>
            <p:cNvGrpSpPr/>
            <p:nvPr/>
          </p:nvGrpSpPr>
          <p:grpSpPr>
            <a:xfrm>
              <a:off x="6251049" y="4000051"/>
              <a:ext cx="1469216" cy="1084956"/>
              <a:chOff x="5704686" y="6045460"/>
              <a:chExt cx="2515206" cy="1857376"/>
            </a:xfrm>
          </p:grpSpPr>
          <p:sp>
            <p:nvSpPr>
              <p:cNvPr id="107" name="타원 106"/>
              <p:cNvSpPr/>
              <p:nvPr/>
            </p:nvSpPr>
            <p:spPr>
              <a:xfrm rot="1180503">
                <a:off x="5704686" y="6045461"/>
                <a:ext cx="1123710" cy="1857375"/>
              </a:xfrm>
              <a:prstGeom prst="ellipse">
                <a:avLst/>
              </a:prstGeom>
              <a:solidFill>
                <a:srgbClr val="FFFEF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108" name="타원 107"/>
              <p:cNvSpPr/>
              <p:nvPr/>
            </p:nvSpPr>
            <p:spPr>
              <a:xfrm rot="1180503">
                <a:off x="5886112" y="6232967"/>
                <a:ext cx="760858" cy="1482362"/>
              </a:xfrm>
              <a:prstGeom prst="ellipse">
                <a:avLst/>
              </a:prstGeom>
              <a:solidFill>
                <a:srgbClr val="181717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109" name="타원 108"/>
              <p:cNvSpPr/>
              <p:nvPr/>
            </p:nvSpPr>
            <p:spPr>
              <a:xfrm>
                <a:off x="6098503" y="7331050"/>
                <a:ext cx="208519" cy="208519"/>
              </a:xfrm>
              <a:prstGeom prst="ellipse">
                <a:avLst/>
              </a:prstGeom>
              <a:solidFill>
                <a:srgbClr val="FFFEF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110" name="타원 109"/>
              <p:cNvSpPr/>
              <p:nvPr/>
            </p:nvSpPr>
            <p:spPr>
              <a:xfrm rot="1180503">
                <a:off x="7096182" y="6045460"/>
                <a:ext cx="1123710" cy="1857375"/>
              </a:xfrm>
              <a:prstGeom prst="ellipse">
                <a:avLst/>
              </a:prstGeom>
              <a:solidFill>
                <a:srgbClr val="FFFEF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111" name="타원 110"/>
              <p:cNvSpPr/>
              <p:nvPr/>
            </p:nvSpPr>
            <p:spPr>
              <a:xfrm rot="1180503">
                <a:off x="7277608" y="6232966"/>
                <a:ext cx="760858" cy="1482362"/>
              </a:xfrm>
              <a:prstGeom prst="ellipse">
                <a:avLst/>
              </a:prstGeom>
              <a:solidFill>
                <a:srgbClr val="181717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112" name="타원 111"/>
              <p:cNvSpPr/>
              <p:nvPr/>
            </p:nvSpPr>
            <p:spPr>
              <a:xfrm>
                <a:off x="7430468" y="7278662"/>
                <a:ext cx="208519" cy="208519"/>
              </a:xfrm>
              <a:prstGeom prst="ellipse">
                <a:avLst/>
              </a:prstGeom>
              <a:solidFill>
                <a:srgbClr val="FFFEF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113" name="막힌 원호 112"/>
              <p:cNvSpPr/>
              <p:nvPr/>
            </p:nvSpPr>
            <p:spPr>
              <a:xfrm rot="11700000">
                <a:off x="6518387" y="7098280"/>
                <a:ext cx="777801" cy="777801"/>
              </a:xfrm>
              <a:prstGeom prst="blockArc">
                <a:avLst>
                  <a:gd name="adj1" fmla="val 10800000"/>
                  <a:gd name="adj2" fmla="val 555000"/>
                  <a:gd name="adj3" fmla="val 20829"/>
                </a:avLst>
              </a:prstGeom>
              <a:solidFill>
                <a:srgbClr val="FFFEF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>
                  <a:solidFill>
                    <a:schemeClr val="tx1"/>
                  </a:solidFill>
                </a:endParaRPr>
              </a:p>
            </p:txBody>
          </p:sp>
        </p:grpSp>
      </p:grpSp>
      <p:grpSp>
        <p:nvGrpSpPr>
          <p:cNvPr id="145" name="그룹 144"/>
          <p:cNvGrpSpPr/>
          <p:nvPr/>
        </p:nvGrpSpPr>
        <p:grpSpPr>
          <a:xfrm>
            <a:off x="8896468" y="3992259"/>
            <a:ext cx="1371604" cy="1433949"/>
            <a:chOff x="2573453" y="2754432"/>
            <a:chExt cx="1184580" cy="1238424"/>
          </a:xfrm>
        </p:grpSpPr>
        <p:sp>
          <p:nvSpPr>
            <p:cNvPr id="146" name="원형 145"/>
            <p:cNvSpPr/>
            <p:nvPr/>
          </p:nvSpPr>
          <p:spPr>
            <a:xfrm rot="5400000">
              <a:off x="2573454" y="2808277"/>
              <a:ext cx="1184579" cy="1184579"/>
            </a:xfrm>
            <a:prstGeom prst="pie">
              <a:avLst>
                <a:gd name="adj1" fmla="val 5401459"/>
                <a:gd name="adj2" fmla="val 16200000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  <p:sp>
          <p:nvSpPr>
            <p:cNvPr id="147" name="타원 146"/>
            <p:cNvSpPr/>
            <p:nvPr/>
          </p:nvSpPr>
          <p:spPr>
            <a:xfrm>
              <a:off x="2814638" y="3114675"/>
              <a:ext cx="69056" cy="69056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48" name="타원 147"/>
            <p:cNvSpPr/>
            <p:nvPr/>
          </p:nvSpPr>
          <p:spPr>
            <a:xfrm>
              <a:off x="3452813" y="3114675"/>
              <a:ext cx="69056" cy="69056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49" name="양쪽 모서리가 둥근 사각형 148"/>
            <p:cNvSpPr/>
            <p:nvPr/>
          </p:nvSpPr>
          <p:spPr>
            <a:xfrm rot="19800000" flipH="1">
              <a:off x="2702331" y="2754433"/>
              <a:ext cx="45719" cy="373856"/>
            </a:xfrm>
            <a:prstGeom prst="round2SameRect">
              <a:avLst>
                <a:gd name="adj1" fmla="val 50000"/>
                <a:gd name="adj2" fmla="val 0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50" name="양쪽 모서리가 둥근 사각형 149"/>
            <p:cNvSpPr/>
            <p:nvPr/>
          </p:nvSpPr>
          <p:spPr>
            <a:xfrm rot="1800000">
              <a:off x="3543215" y="2754432"/>
              <a:ext cx="45719" cy="373856"/>
            </a:xfrm>
            <a:prstGeom prst="round2SameRect">
              <a:avLst>
                <a:gd name="adj1" fmla="val 50000"/>
                <a:gd name="adj2" fmla="val 0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51" name="한쪽 모서리가 둥근 사각형 150"/>
            <p:cNvSpPr/>
            <p:nvPr/>
          </p:nvSpPr>
          <p:spPr>
            <a:xfrm>
              <a:off x="2573453" y="3436512"/>
              <a:ext cx="1184579" cy="172863"/>
            </a:xfrm>
            <a:prstGeom prst="round1Rect">
              <a:avLst>
                <a:gd name="adj" fmla="val 0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</p:spTree>
    <p:extLst>
      <p:ext uri="{BB962C8B-B14F-4D97-AF65-F5344CB8AC3E}">
        <p14:creationId xmlns:p14="http://schemas.microsoft.com/office/powerpoint/2010/main" val="28308718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9" presetClass="entr" presetSubtype="0" decel="10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25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25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25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36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25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150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down)">
                                      <p:cBhvr>
                                        <p:cTn id="14" dur="15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49" presetClass="entr" presetSubtype="0" decel="10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25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25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25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36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2" dur="250"/>
                                        <p:tgtEl>
                                          <p:spTgt spid="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150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down)">
                                      <p:cBhvr>
                                        <p:cTn id="26" dur="15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49" presetClass="entr" presetSubtype="0" decel="10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1" dur="25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25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25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36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25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150"/>
                                        <p:tgtEl>
                                          <p:spTgt spid="14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down)">
                                      <p:cBhvr>
                                        <p:cTn id="38" dur="150"/>
                                        <p:tgtEl>
                                          <p:spTgt spid="1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0" grpId="0"/>
      <p:bldP spid="91" grpId="0"/>
      <p:bldP spid="92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err="1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유사게임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7" name="직사각형 36"/>
          <p:cNvSpPr/>
          <p:nvPr/>
        </p:nvSpPr>
        <p:spPr>
          <a:xfrm rot="18900000">
            <a:off x="4535440" y="3294140"/>
            <a:ext cx="1392411" cy="1524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8" name="직사각형 37"/>
          <p:cNvSpPr/>
          <p:nvPr/>
        </p:nvSpPr>
        <p:spPr>
          <a:xfrm rot="16200000">
            <a:off x="5358574" y="3768091"/>
            <a:ext cx="1519649" cy="1524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9" name="직사각형 38"/>
          <p:cNvSpPr/>
          <p:nvPr/>
        </p:nvSpPr>
        <p:spPr>
          <a:xfrm rot="2700000" flipH="1">
            <a:off x="6339671" y="3291450"/>
            <a:ext cx="1403532" cy="1524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2" name="그룹 1"/>
          <p:cNvGrpSpPr/>
          <p:nvPr/>
        </p:nvGrpSpPr>
        <p:grpSpPr>
          <a:xfrm>
            <a:off x="4641090" y="1795265"/>
            <a:ext cx="3007949" cy="2593059"/>
            <a:chOff x="1558634" y="2178796"/>
            <a:chExt cx="2613660" cy="2253155"/>
          </a:xfrm>
        </p:grpSpPr>
        <p:sp>
          <p:nvSpPr>
            <p:cNvPr id="29" name="육각형 28"/>
            <p:cNvSpPr/>
            <p:nvPr/>
          </p:nvSpPr>
          <p:spPr>
            <a:xfrm>
              <a:off x="1558634" y="2178796"/>
              <a:ext cx="2613660" cy="2253155"/>
            </a:xfrm>
            <a:prstGeom prst="hexagon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mtClean="0"/>
                <a:t>혀</a:t>
              </a:r>
              <a:endParaRPr lang="ko-KR" altLang="en-US"/>
            </a:p>
          </p:txBody>
        </p:sp>
        <p:sp>
          <p:nvSpPr>
            <p:cNvPr id="294" name="육각형 293"/>
            <p:cNvSpPr/>
            <p:nvPr/>
          </p:nvSpPr>
          <p:spPr>
            <a:xfrm>
              <a:off x="1691417" y="2291195"/>
              <a:ext cx="2348093" cy="2024218"/>
            </a:xfrm>
            <a:prstGeom prst="hexagon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pic>
          <p:nvPicPr>
            <p:cNvPr id="15" name="그림 14"/>
            <p:cNvPicPr>
              <a:picLocks noChangeAspect="1"/>
            </p:cNvPicPr>
            <p:nvPr/>
          </p:nvPicPr>
          <p:blipFill>
            <a:blip r:embed="rId2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backgroundRemoval t="0" b="100000" l="0" r="100000">
                          <a14:foregroundMark x1="15210" y1="15337" x2="14563" y2="23926"/>
                          <a14:foregroundMark x1="20065" y1="14724" x2="14563" y2="21472"/>
                          <a14:foregroundMark x1="15210" y1="15951" x2="5502" y2="25767"/>
                          <a14:foregroundMark x1="25243" y1="15337" x2="25243" y2="15337"/>
                          <a14:foregroundMark x1="28803" y1="19018" x2="28803" y2="19018"/>
                          <a14:foregroundMark x1="33333" y1="25153" x2="33333" y2="25153"/>
                          <a14:foregroundMark x1="37864" y1="25767" x2="37864" y2="25767"/>
                          <a14:foregroundMark x1="42718" y1="25153" x2="42718" y2="25153"/>
                          <a14:foregroundMark x1="48544" y1="12270" x2="48544" y2="12270"/>
                          <a14:foregroundMark x1="71197" y1="7362" x2="71197" y2="7362"/>
                          <a14:foregroundMark x1="64725" y1="3067" x2="64725" y2="3067"/>
                          <a14:foregroundMark x1="59547" y1="2454" x2="59547" y2="2454"/>
                          <a14:foregroundMark x1="52751" y1="4908" x2="52751" y2="4908"/>
                          <a14:foregroundMark x1="48220" y1="9816" x2="48220" y2="9816"/>
                          <a14:foregroundMark x1="2265" y1="36810" x2="2265" y2="36810"/>
                          <a14:foregroundMark x1="971" y1="43558" x2="971" y2="43558"/>
                          <a14:foregroundMark x1="1618" y1="64417" x2="1618" y2="64417"/>
                          <a14:foregroundMark x1="7120" y1="78528" x2="7120" y2="78528"/>
                          <a14:foregroundMark x1="15210" y1="87117" x2="15210" y2="87117"/>
                          <a14:foregroundMark x1="24919" y1="88957" x2="24919" y2="88957"/>
                          <a14:foregroundMark x1="30421" y1="93865" x2="30421" y2="93865"/>
                          <a14:foregroundMark x1="36893" y1="97546" x2="36893" y2="97546"/>
                          <a14:foregroundMark x1="47573" y1="94479" x2="47573" y2="94479"/>
                          <a14:foregroundMark x1="54693" y1="83436" x2="54693" y2="83436"/>
                          <a14:foregroundMark x1="41748" y1="98160" x2="41748" y2="98160"/>
                          <a14:foregroundMark x1="65696" y1="73620" x2="65696" y2="73620"/>
                          <a14:foregroundMark x1="57929" y1="76074" x2="57929" y2="76074"/>
                          <a14:foregroundMark x1="81877" y1="79141" x2="81877" y2="79141"/>
                          <a14:foregroundMark x1="72492" y1="76687" x2="72492" y2="76687"/>
                          <a14:foregroundMark x1="96764" y1="62577" x2="96764" y2="62577"/>
                          <a14:foregroundMark x1="90291" y1="70552" x2="90291" y2="70552"/>
                          <a14:foregroundMark x1="89644" y1="76074" x2="89644" y2="76074"/>
                          <a14:foregroundMark x1="91262" y1="72393" x2="91262" y2="72393"/>
                          <a14:foregroundMark x1="96440" y1="19018" x2="96440" y2="19018"/>
                          <a14:foregroundMark x1="97411" y1="26380" x2="97411" y2="26380"/>
                          <a14:foregroundMark x1="95793" y1="20859" x2="95793" y2="20859"/>
                          <a14:foregroundMark x1="99029" y1="33742" x2="99029" y2="33742"/>
                          <a14:foregroundMark x1="89968" y1="9816" x2="89968" y2="9816"/>
                          <a14:foregroundMark x1="83819" y1="7975" x2="83819" y2="7975"/>
                          <a14:foregroundMark x1="79612" y1="5521" x2="79612" y2="5521"/>
                          <a14:foregroundMark x1="99353" y1="47239" x2="99353" y2="47239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961817" y="2868537"/>
              <a:ext cx="1761125" cy="929008"/>
            </a:xfrm>
            <a:prstGeom prst="rect">
              <a:avLst/>
            </a:prstGeom>
          </p:spPr>
        </p:pic>
      </p:grpSp>
      <p:grpSp>
        <p:nvGrpSpPr>
          <p:cNvPr id="7" name="그룹 6"/>
          <p:cNvGrpSpPr/>
          <p:nvPr/>
        </p:nvGrpSpPr>
        <p:grpSpPr>
          <a:xfrm>
            <a:off x="7304221" y="3427179"/>
            <a:ext cx="1875541" cy="1616846"/>
            <a:chOff x="8010277" y="3348749"/>
            <a:chExt cx="2613660" cy="2253155"/>
          </a:xfrm>
        </p:grpSpPr>
        <p:sp>
          <p:nvSpPr>
            <p:cNvPr id="295" name="육각형 294"/>
            <p:cNvSpPr/>
            <p:nvPr/>
          </p:nvSpPr>
          <p:spPr>
            <a:xfrm>
              <a:off x="8010277" y="3348749"/>
              <a:ext cx="2613660" cy="2253155"/>
            </a:xfrm>
            <a:prstGeom prst="hexagon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96" name="육각형 295"/>
            <p:cNvSpPr/>
            <p:nvPr/>
          </p:nvSpPr>
          <p:spPr>
            <a:xfrm>
              <a:off x="8143060" y="3463217"/>
              <a:ext cx="2348093" cy="2024218"/>
            </a:xfrm>
            <a:prstGeom prst="hexagon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pic>
          <p:nvPicPr>
            <p:cNvPr id="28" name="그림 27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78026" y="3721551"/>
              <a:ext cx="1078159" cy="1507497"/>
            </a:xfrm>
            <a:prstGeom prst="rect">
              <a:avLst/>
            </a:prstGeom>
          </p:spPr>
        </p:pic>
      </p:grpSp>
      <p:grpSp>
        <p:nvGrpSpPr>
          <p:cNvPr id="6" name="그룹 5"/>
          <p:cNvGrpSpPr/>
          <p:nvPr/>
        </p:nvGrpSpPr>
        <p:grpSpPr>
          <a:xfrm>
            <a:off x="3112366" y="3427160"/>
            <a:ext cx="1875541" cy="1616846"/>
            <a:chOff x="5861931" y="2175726"/>
            <a:chExt cx="2613660" cy="2253155"/>
          </a:xfrm>
        </p:grpSpPr>
        <p:sp>
          <p:nvSpPr>
            <p:cNvPr id="299" name="육각형 298"/>
            <p:cNvSpPr/>
            <p:nvPr/>
          </p:nvSpPr>
          <p:spPr>
            <a:xfrm>
              <a:off x="5861931" y="2175726"/>
              <a:ext cx="2613660" cy="2253155"/>
            </a:xfrm>
            <a:prstGeom prst="hexagon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0" name="육각형 299"/>
            <p:cNvSpPr/>
            <p:nvPr/>
          </p:nvSpPr>
          <p:spPr>
            <a:xfrm>
              <a:off x="5994714" y="2290194"/>
              <a:ext cx="2348093" cy="2024218"/>
            </a:xfrm>
            <a:prstGeom prst="hexagon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pic>
          <p:nvPicPr>
            <p:cNvPr id="26" name="그림 25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26358" y="2616694"/>
              <a:ext cx="1495329" cy="1371217"/>
            </a:xfrm>
            <a:prstGeom prst="rect">
              <a:avLst/>
            </a:prstGeom>
          </p:spPr>
        </p:pic>
      </p:grpSp>
      <p:grpSp>
        <p:nvGrpSpPr>
          <p:cNvPr id="4" name="그룹 3"/>
          <p:cNvGrpSpPr/>
          <p:nvPr/>
        </p:nvGrpSpPr>
        <p:grpSpPr>
          <a:xfrm>
            <a:off x="5180726" y="4604116"/>
            <a:ext cx="1875541" cy="1616846"/>
            <a:chOff x="3722942" y="3345440"/>
            <a:chExt cx="2613660" cy="2253155"/>
          </a:xfrm>
        </p:grpSpPr>
        <p:sp>
          <p:nvSpPr>
            <p:cNvPr id="301" name="육각형 300"/>
            <p:cNvSpPr/>
            <p:nvPr/>
          </p:nvSpPr>
          <p:spPr>
            <a:xfrm>
              <a:off x="3722942" y="3345440"/>
              <a:ext cx="2613660" cy="2253155"/>
            </a:xfrm>
            <a:prstGeom prst="hexagon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2" name="육각형 301"/>
            <p:cNvSpPr/>
            <p:nvPr/>
          </p:nvSpPr>
          <p:spPr>
            <a:xfrm>
              <a:off x="3855725" y="3459908"/>
              <a:ext cx="2348093" cy="2024218"/>
            </a:xfrm>
            <a:prstGeom prst="hexagon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pic>
          <p:nvPicPr>
            <p:cNvPr id="27" name="그림 26"/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293823" y="3742126"/>
              <a:ext cx="1471896" cy="1471896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765910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50"/>
                            </p:stCondLst>
                            <p:childTnLst>
                              <p:par>
                                <p:cTn id="9" presetID="22" presetClass="entr" presetSubtype="1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15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550"/>
                            </p:stCondLst>
                            <p:childTnLst>
                              <p:par>
                                <p:cTn id="13" presetID="45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6" dur="25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" dur="25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800"/>
                            </p:stCondLst>
                            <p:childTnLst>
                              <p:par>
                                <p:cTn id="19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1" dur="15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950"/>
                            </p:stCondLst>
                            <p:childTnLst>
                              <p:par>
                                <p:cTn id="23" presetID="45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2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2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2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200"/>
                            </p:stCondLst>
                            <p:childTnLst>
                              <p:par>
                                <p:cTn id="2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15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1350"/>
                            </p:stCondLst>
                            <p:childTnLst>
                              <p:par>
                                <p:cTn id="33" presetID="45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2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6" dur="25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25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7" grpId="0" animBg="1"/>
      <p:bldP spid="38" grpId="0" animBg="1"/>
      <p:bldP spid="39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게임설명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grpSp>
        <p:nvGrpSpPr>
          <p:cNvPr id="142" name="그룹 141"/>
          <p:cNvGrpSpPr/>
          <p:nvPr/>
        </p:nvGrpSpPr>
        <p:grpSpPr>
          <a:xfrm>
            <a:off x="4136902" y="1868391"/>
            <a:ext cx="4034198" cy="4040848"/>
            <a:chOff x="1309934" y="-1231900"/>
            <a:chExt cx="5163007" cy="5171517"/>
          </a:xfrm>
        </p:grpSpPr>
        <p:sp>
          <p:nvSpPr>
            <p:cNvPr id="175" name="모서리가 둥근 직사각형 174"/>
            <p:cNvSpPr/>
            <p:nvPr/>
          </p:nvSpPr>
          <p:spPr>
            <a:xfrm rot="5400000">
              <a:off x="1456224" y="1298949"/>
              <a:ext cx="1569705" cy="298695"/>
            </a:xfrm>
            <a:prstGeom prst="roundRect">
              <a:avLst>
                <a:gd name="adj" fmla="val 50000"/>
              </a:avLst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76" name="모서리가 둥근 직사각형 175"/>
            <p:cNvSpPr/>
            <p:nvPr/>
          </p:nvSpPr>
          <p:spPr>
            <a:xfrm rot="5400000">
              <a:off x="4758751" y="1298949"/>
              <a:ext cx="1569705" cy="298695"/>
            </a:xfrm>
            <a:prstGeom prst="roundRect">
              <a:avLst>
                <a:gd name="adj" fmla="val 50000"/>
              </a:avLst>
            </a:prstGeom>
            <a:solidFill>
              <a:schemeClr val="accent3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77" name="순서도: 화면 표시 15"/>
            <p:cNvSpPr/>
            <p:nvPr/>
          </p:nvSpPr>
          <p:spPr>
            <a:xfrm rot="10800000">
              <a:off x="1309934" y="663442"/>
              <a:ext cx="649812" cy="1569707"/>
            </a:xfrm>
            <a:custGeom>
              <a:avLst/>
              <a:gdLst>
                <a:gd name="connsiteX0" fmla="*/ 0 w 10000"/>
                <a:gd name="connsiteY0" fmla="*/ 5000 h 10000"/>
                <a:gd name="connsiteX1" fmla="*/ 1667 w 10000"/>
                <a:gd name="connsiteY1" fmla="*/ 0 h 10000"/>
                <a:gd name="connsiteX2" fmla="*/ 8333 w 10000"/>
                <a:gd name="connsiteY2" fmla="*/ 0 h 10000"/>
                <a:gd name="connsiteX3" fmla="*/ 10000 w 10000"/>
                <a:gd name="connsiteY3" fmla="*/ 5000 h 10000"/>
                <a:gd name="connsiteX4" fmla="*/ 8333 w 10000"/>
                <a:gd name="connsiteY4" fmla="*/ 10000 h 10000"/>
                <a:gd name="connsiteX5" fmla="*/ 1667 w 10000"/>
                <a:gd name="connsiteY5" fmla="*/ 10000 h 10000"/>
                <a:gd name="connsiteX6" fmla="*/ 0 w 10000"/>
                <a:gd name="connsiteY6" fmla="*/ 5000 h 10000"/>
                <a:gd name="connsiteX0" fmla="*/ 0 w 8333"/>
                <a:gd name="connsiteY0" fmla="*/ 10000 h 10000"/>
                <a:gd name="connsiteX1" fmla="*/ 0 w 8333"/>
                <a:gd name="connsiteY1" fmla="*/ 0 h 10000"/>
                <a:gd name="connsiteX2" fmla="*/ 6666 w 8333"/>
                <a:gd name="connsiteY2" fmla="*/ 0 h 10000"/>
                <a:gd name="connsiteX3" fmla="*/ 8333 w 8333"/>
                <a:gd name="connsiteY3" fmla="*/ 5000 h 10000"/>
                <a:gd name="connsiteX4" fmla="*/ 6666 w 8333"/>
                <a:gd name="connsiteY4" fmla="*/ 10000 h 10000"/>
                <a:gd name="connsiteX5" fmla="*/ 0 w 8333"/>
                <a:gd name="connsiteY5" fmla="*/ 10000 h 10000"/>
                <a:gd name="connsiteX0" fmla="*/ 0 w 10000"/>
                <a:gd name="connsiteY0" fmla="*/ 10000 h 10000"/>
                <a:gd name="connsiteX1" fmla="*/ 8000 w 10000"/>
                <a:gd name="connsiteY1" fmla="*/ 0 h 10000"/>
                <a:gd name="connsiteX2" fmla="*/ 10000 w 10000"/>
                <a:gd name="connsiteY2" fmla="*/ 5000 h 10000"/>
                <a:gd name="connsiteX3" fmla="*/ 8000 w 10000"/>
                <a:gd name="connsiteY3" fmla="*/ 10000 h 10000"/>
                <a:gd name="connsiteX4" fmla="*/ 0 w 10000"/>
                <a:gd name="connsiteY4" fmla="*/ 10000 h 10000"/>
                <a:gd name="connsiteX0" fmla="*/ 0 w 2000"/>
                <a:gd name="connsiteY0" fmla="*/ 10000 h 10000"/>
                <a:gd name="connsiteX1" fmla="*/ 0 w 2000"/>
                <a:gd name="connsiteY1" fmla="*/ 0 h 10000"/>
                <a:gd name="connsiteX2" fmla="*/ 2000 w 2000"/>
                <a:gd name="connsiteY2" fmla="*/ 5000 h 10000"/>
                <a:gd name="connsiteX3" fmla="*/ 0 w 2000"/>
                <a:gd name="connsiteY3" fmla="*/ 1000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00" h="10000">
                  <a:moveTo>
                    <a:pt x="0" y="10000"/>
                  </a:moveTo>
                  <a:lnTo>
                    <a:pt x="0" y="0"/>
                  </a:lnTo>
                  <a:cubicBezTo>
                    <a:pt x="1105" y="0"/>
                    <a:pt x="2000" y="2239"/>
                    <a:pt x="2000" y="5000"/>
                  </a:cubicBezTo>
                  <a:cubicBezTo>
                    <a:pt x="2000" y="7761"/>
                    <a:pt x="1105" y="10000"/>
                    <a:pt x="0" y="1000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78" name="순서도: 화면 표시 15"/>
            <p:cNvSpPr/>
            <p:nvPr/>
          </p:nvSpPr>
          <p:spPr>
            <a:xfrm>
              <a:off x="5823129" y="663443"/>
              <a:ext cx="649812" cy="1569707"/>
            </a:xfrm>
            <a:custGeom>
              <a:avLst/>
              <a:gdLst>
                <a:gd name="connsiteX0" fmla="*/ 0 w 10000"/>
                <a:gd name="connsiteY0" fmla="*/ 5000 h 10000"/>
                <a:gd name="connsiteX1" fmla="*/ 1667 w 10000"/>
                <a:gd name="connsiteY1" fmla="*/ 0 h 10000"/>
                <a:gd name="connsiteX2" fmla="*/ 8333 w 10000"/>
                <a:gd name="connsiteY2" fmla="*/ 0 h 10000"/>
                <a:gd name="connsiteX3" fmla="*/ 10000 w 10000"/>
                <a:gd name="connsiteY3" fmla="*/ 5000 h 10000"/>
                <a:gd name="connsiteX4" fmla="*/ 8333 w 10000"/>
                <a:gd name="connsiteY4" fmla="*/ 10000 h 10000"/>
                <a:gd name="connsiteX5" fmla="*/ 1667 w 10000"/>
                <a:gd name="connsiteY5" fmla="*/ 10000 h 10000"/>
                <a:gd name="connsiteX6" fmla="*/ 0 w 10000"/>
                <a:gd name="connsiteY6" fmla="*/ 5000 h 10000"/>
                <a:gd name="connsiteX0" fmla="*/ 0 w 8333"/>
                <a:gd name="connsiteY0" fmla="*/ 10000 h 10000"/>
                <a:gd name="connsiteX1" fmla="*/ 0 w 8333"/>
                <a:gd name="connsiteY1" fmla="*/ 0 h 10000"/>
                <a:gd name="connsiteX2" fmla="*/ 6666 w 8333"/>
                <a:gd name="connsiteY2" fmla="*/ 0 h 10000"/>
                <a:gd name="connsiteX3" fmla="*/ 8333 w 8333"/>
                <a:gd name="connsiteY3" fmla="*/ 5000 h 10000"/>
                <a:gd name="connsiteX4" fmla="*/ 6666 w 8333"/>
                <a:gd name="connsiteY4" fmla="*/ 10000 h 10000"/>
                <a:gd name="connsiteX5" fmla="*/ 0 w 8333"/>
                <a:gd name="connsiteY5" fmla="*/ 10000 h 10000"/>
                <a:gd name="connsiteX0" fmla="*/ 0 w 10000"/>
                <a:gd name="connsiteY0" fmla="*/ 10000 h 10000"/>
                <a:gd name="connsiteX1" fmla="*/ 8000 w 10000"/>
                <a:gd name="connsiteY1" fmla="*/ 0 h 10000"/>
                <a:gd name="connsiteX2" fmla="*/ 10000 w 10000"/>
                <a:gd name="connsiteY2" fmla="*/ 5000 h 10000"/>
                <a:gd name="connsiteX3" fmla="*/ 8000 w 10000"/>
                <a:gd name="connsiteY3" fmla="*/ 10000 h 10000"/>
                <a:gd name="connsiteX4" fmla="*/ 0 w 10000"/>
                <a:gd name="connsiteY4" fmla="*/ 10000 h 10000"/>
                <a:gd name="connsiteX0" fmla="*/ 0 w 2000"/>
                <a:gd name="connsiteY0" fmla="*/ 10000 h 10000"/>
                <a:gd name="connsiteX1" fmla="*/ 0 w 2000"/>
                <a:gd name="connsiteY1" fmla="*/ 0 h 10000"/>
                <a:gd name="connsiteX2" fmla="*/ 2000 w 2000"/>
                <a:gd name="connsiteY2" fmla="*/ 5000 h 10000"/>
                <a:gd name="connsiteX3" fmla="*/ 0 w 2000"/>
                <a:gd name="connsiteY3" fmla="*/ 1000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00" h="10000">
                  <a:moveTo>
                    <a:pt x="0" y="10000"/>
                  </a:moveTo>
                  <a:lnTo>
                    <a:pt x="0" y="0"/>
                  </a:lnTo>
                  <a:cubicBezTo>
                    <a:pt x="1105" y="0"/>
                    <a:pt x="2000" y="2239"/>
                    <a:pt x="2000" y="5000"/>
                  </a:cubicBezTo>
                  <a:cubicBezTo>
                    <a:pt x="2000" y="7761"/>
                    <a:pt x="1105" y="10000"/>
                    <a:pt x="0" y="1000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79" name="막힌 원호 178"/>
            <p:cNvSpPr/>
            <p:nvPr/>
          </p:nvSpPr>
          <p:spPr>
            <a:xfrm>
              <a:off x="1703680" y="-1132592"/>
              <a:ext cx="4386627" cy="5072209"/>
            </a:xfrm>
            <a:prstGeom prst="blockArc">
              <a:avLst>
                <a:gd name="adj1" fmla="val 10745541"/>
                <a:gd name="adj2" fmla="val 21570383"/>
                <a:gd name="adj3" fmla="val 4652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  <p:sp>
          <p:nvSpPr>
            <p:cNvPr id="180" name="모서리가 둥근 직사각형 25"/>
            <p:cNvSpPr/>
            <p:nvPr/>
          </p:nvSpPr>
          <p:spPr>
            <a:xfrm rot="10800000">
              <a:off x="2556064" y="-1231900"/>
              <a:ext cx="2681862" cy="763229"/>
            </a:xfrm>
            <a:custGeom>
              <a:avLst/>
              <a:gdLst>
                <a:gd name="connsiteX0" fmla="*/ 0 w 1591729"/>
                <a:gd name="connsiteY0" fmla="*/ 151443 h 302886"/>
                <a:gd name="connsiteX1" fmla="*/ 151443 w 1591729"/>
                <a:gd name="connsiteY1" fmla="*/ 0 h 302886"/>
                <a:gd name="connsiteX2" fmla="*/ 1440286 w 1591729"/>
                <a:gd name="connsiteY2" fmla="*/ 0 h 302886"/>
                <a:gd name="connsiteX3" fmla="*/ 1591729 w 1591729"/>
                <a:gd name="connsiteY3" fmla="*/ 151443 h 302886"/>
                <a:gd name="connsiteX4" fmla="*/ 1591729 w 1591729"/>
                <a:gd name="connsiteY4" fmla="*/ 151443 h 302886"/>
                <a:gd name="connsiteX5" fmla="*/ 1440286 w 1591729"/>
                <a:gd name="connsiteY5" fmla="*/ 302886 h 302886"/>
                <a:gd name="connsiteX6" fmla="*/ 151443 w 1591729"/>
                <a:gd name="connsiteY6" fmla="*/ 302886 h 302886"/>
                <a:gd name="connsiteX7" fmla="*/ 0 w 1591729"/>
                <a:gd name="connsiteY7" fmla="*/ 151443 h 302886"/>
                <a:gd name="connsiteX0" fmla="*/ 0 w 1591729"/>
                <a:gd name="connsiteY0" fmla="*/ 151443 h 387552"/>
                <a:gd name="connsiteX1" fmla="*/ 151443 w 1591729"/>
                <a:gd name="connsiteY1" fmla="*/ 0 h 387552"/>
                <a:gd name="connsiteX2" fmla="*/ 1440286 w 1591729"/>
                <a:gd name="connsiteY2" fmla="*/ 0 h 387552"/>
                <a:gd name="connsiteX3" fmla="*/ 1591729 w 1591729"/>
                <a:gd name="connsiteY3" fmla="*/ 151443 h 387552"/>
                <a:gd name="connsiteX4" fmla="*/ 1591729 w 1591729"/>
                <a:gd name="connsiteY4" fmla="*/ 151443 h 387552"/>
                <a:gd name="connsiteX5" fmla="*/ 1440286 w 1591729"/>
                <a:gd name="connsiteY5" fmla="*/ 302886 h 387552"/>
                <a:gd name="connsiteX6" fmla="*/ 151443 w 1591729"/>
                <a:gd name="connsiteY6" fmla="*/ 302886 h 387552"/>
                <a:gd name="connsiteX7" fmla="*/ 0 w 1591729"/>
                <a:gd name="connsiteY7" fmla="*/ 151443 h 387552"/>
                <a:gd name="connsiteX0" fmla="*/ 0 w 1591729"/>
                <a:gd name="connsiteY0" fmla="*/ 151443 h 452989"/>
                <a:gd name="connsiteX1" fmla="*/ 151443 w 1591729"/>
                <a:gd name="connsiteY1" fmla="*/ 0 h 452989"/>
                <a:gd name="connsiteX2" fmla="*/ 1440286 w 1591729"/>
                <a:gd name="connsiteY2" fmla="*/ 0 h 452989"/>
                <a:gd name="connsiteX3" fmla="*/ 1591729 w 1591729"/>
                <a:gd name="connsiteY3" fmla="*/ 151443 h 452989"/>
                <a:gd name="connsiteX4" fmla="*/ 1591729 w 1591729"/>
                <a:gd name="connsiteY4" fmla="*/ 151443 h 452989"/>
                <a:gd name="connsiteX5" fmla="*/ 1440286 w 1591729"/>
                <a:gd name="connsiteY5" fmla="*/ 302886 h 452989"/>
                <a:gd name="connsiteX6" fmla="*/ 151443 w 1591729"/>
                <a:gd name="connsiteY6" fmla="*/ 302886 h 452989"/>
                <a:gd name="connsiteX7" fmla="*/ 0 w 1591729"/>
                <a:gd name="connsiteY7" fmla="*/ 151443 h 452989"/>
                <a:gd name="connsiteX0" fmla="*/ 0 w 1591729"/>
                <a:gd name="connsiteY0" fmla="*/ 151443 h 452989"/>
                <a:gd name="connsiteX1" fmla="*/ 151443 w 1591729"/>
                <a:gd name="connsiteY1" fmla="*/ 0 h 452989"/>
                <a:gd name="connsiteX2" fmla="*/ 1440286 w 1591729"/>
                <a:gd name="connsiteY2" fmla="*/ 0 h 452989"/>
                <a:gd name="connsiteX3" fmla="*/ 1591729 w 1591729"/>
                <a:gd name="connsiteY3" fmla="*/ 151443 h 452989"/>
                <a:gd name="connsiteX4" fmla="*/ 1591729 w 1591729"/>
                <a:gd name="connsiteY4" fmla="*/ 151443 h 452989"/>
                <a:gd name="connsiteX5" fmla="*/ 1440286 w 1591729"/>
                <a:gd name="connsiteY5" fmla="*/ 302886 h 452989"/>
                <a:gd name="connsiteX6" fmla="*/ 151443 w 1591729"/>
                <a:gd name="connsiteY6" fmla="*/ 302886 h 452989"/>
                <a:gd name="connsiteX7" fmla="*/ 0 w 1591729"/>
                <a:gd name="connsiteY7" fmla="*/ 151443 h 452989"/>
                <a:gd name="connsiteX0" fmla="*/ 0 w 1591729"/>
                <a:gd name="connsiteY0" fmla="*/ 151443 h 452989"/>
                <a:gd name="connsiteX1" fmla="*/ 151443 w 1591729"/>
                <a:gd name="connsiteY1" fmla="*/ 0 h 452989"/>
                <a:gd name="connsiteX2" fmla="*/ 1440286 w 1591729"/>
                <a:gd name="connsiteY2" fmla="*/ 0 h 452989"/>
                <a:gd name="connsiteX3" fmla="*/ 1591729 w 1591729"/>
                <a:gd name="connsiteY3" fmla="*/ 151443 h 452989"/>
                <a:gd name="connsiteX4" fmla="*/ 1591729 w 1591729"/>
                <a:gd name="connsiteY4" fmla="*/ 151443 h 452989"/>
                <a:gd name="connsiteX5" fmla="*/ 1440286 w 1591729"/>
                <a:gd name="connsiteY5" fmla="*/ 302886 h 452989"/>
                <a:gd name="connsiteX6" fmla="*/ 151443 w 1591729"/>
                <a:gd name="connsiteY6" fmla="*/ 302886 h 452989"/>
                <a:gd name="connsiteX7" fmla="*/ 0 w 1591729"/>
                <a:gd name="connsiteY7" fmla="*/ 151443 h 4529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591729" h="452989">
                  <a:moveTo>
                    <a:pt x="0" y="151443"/>
                  </a:moveTo>
                  <a:cubicBezTo>
                    <a:pt x="0" y="67803"/>
                    <a:pt x="67803" y="0"/>
                    <a:pt x="151443" y="0"/>
                  </a:cubicBezTo>
                  <a:cubicBezTo>
                    <a:pt x="581057" y="219075"/>
                    <a:pt x="963047" y="200025"/>
                    <a:pt x="1440286" y="0"/>
                  </a:cubicBezTo>
                  <a:cubicBezTo>
                    <a:pt x="1523926" y="0"/>
                    <a:pt x="1591729" y="67803"/>
                    <a:pt x="1591729" y="151443"/>
                  </a:cubicBezTo>
                  <a:lnTo>
                    <a:pt x="1591729" y="151443"/>
                  </a:lnTo>
                  <a:cubicBezTo>
                    <a:pt x="1591729" y="235083"/>
                    <a:pt x="1523926" y="302886"/>
                    <a:pt x="1440286" y="302886"/>
                  </a:cubicBezTo>
                  <a:cubicBezTo>
                    <a:pt x="991622" y="512436"/>
                    <a:pt x="600107" y="493386"/>
                    <a:pt x="151443" y="302886"/>
                  </a:cubicBezTo>
                  <a:cubicBezTo>
                    <a:pt x="67803" y="302886"/>
                    <a:pt x="0" y="235083"/>
                    <a:pt x="0" y="151443"/>
                  </a:cubicBezTo>
                  <a:close/>
                </a:path>
              </a:pathLst>
            </a:custGeom>
            <a:solidFill>
              <a:schemeClr val="bg2">
                <a:lumMod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grpSp>
        <p:nvGrpSpPr>
          <p:cNvPr id="4" name="그룹 3"/>
          <p:cNvGrpSpPr/>
          <p:nvPr/>
        </p:nvGrpSpPr>
        <p:grpSpPr>
          <a:xfrm>
            <a:off x="5217285" y="2637411"/>
            <a:ext cx="1873432" cy="2284215"/>
            <a:chOff x="5217285" y="2637411"/>
            <a:chExt cx="1873432" cy="2284215"/>
          </a:xfrm>
        </p:grpSpPr>
        <p:grpSp>
          <p:nvGrpSpPr>
            <p:cNvPr id="143" name="그룹 142"/>
            <p:cNvGrpSpPr/>
            <p:nvPr/>
          </p:nvGrpSpPr>
          <p:grpSpPr>
            <a:xfrm>
              <a:off x="5583186" y="2637411"/>
              <a:ext cx="1440786" cy="1317362"/>
              <a:chOff x="7839144" y="2440793"/>
              <a:chExt cx="1377160" cy="1259187"/>
            </a:xfrm>
          </p:grpSpPr>
          <p:grpSp>
            <p:nvGrpSpPr>
              <p:cNvPr id="154" name="그룹 153"/>
              <p:cNvGrpSpPr/>
              <p:nvPr/>
            </p:nvGrpSpPr>
            <p:grpSpPr>
              <a:xfrm rot="20700000">
                <a:off x="7839144" y="2593193"/>
                <a:ext cx="326661" cy="1093150"/>
                <a:chOff x="4770004" y="1272130"/>
                <a:chExt cx="773247" cy="2587622"/>
              </a:xfrm>
            </p:grpSpPr>
            <p:grpSp>
              <p:nvGrpSpPr>
                <p:cNvPr id="169" name="그룹 168"/>
                <p:cNvGrpSpPr/>
                <p:nvPr/>
              </p:nvGrpSpPr>
              <p:grpSpPr>
                <a:xfrm rot="9000000">
                  <a:off x="4778904" y="1272130"/>
                  <a:ext cx="764347" cy="2587622"/>
                  <a:chOff x="1198521" y="2481672"/>
                  <a:chExt cx="632111" cy="2139950"/>
                </a:xfrm>
                <a:solidFill>
                  <a:schemeClr val="tx1"/>
                </a:solidFill>
              </p:grpSpPr>
              <p:sp>
                <p:nvSpPr>
                  <p:cNvPr id="173" name="이등변 삼각형 212"/>
                  <p:cNvSpPr/>
                  <p:nvPr/>
                </p:nvSpPr>
                <p:spPr>
                  <a:xfrm>
                    <a:off x="1504647" y="2481672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  <p:sp>
                <p:nvSpPr>
                  <p:cNvPr id="174" name="이등변 삼각형 212"/>
                  <p:cNvSpPr/>
                  <p:nvPr/>
                </p:nvSpPr>
                <p:spPr>
                  <a:xfrm flipH="1">
                    <a:off x="1198521" y="2481672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</p:grpSp>
            <p:grpSp>
              <p:nvGrpSpPr>
                <p:cNvPr id="170" name="그룹 169"/>
                <p:cNvGrpSpPr/>
                <p:nvPr/>
              </p:nvGrpSpPr>
              <p:grpSpPr>
                <a:xfrm>
                  <a:off x="4770004" y="1387172"/>
                  <a:ext cx="457821" cy="1776001"/>
                  <a:chOff x="4550170" y="2380969"/>
                  <a:chExt cx="591097" cy="2293013"/>
                </a:xfrm>
              </p:grpSpPr>
              <p:sp>
                <p:nvSpPr>
                  <p:cNvPr id="171" name="이등변 삼각형 212"/>
                  <p:cNvSpPr/>
                  <p:nvPr/>
                </p:nvSpPr>
                <p:spPr>
                  <a:xfrm rot="9000000">
                    <a:off x="4550170" y="2534032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solidFill>
                    <a:srgbClr val="B81C18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  <p:sp>
                <p:nvSpPr>
                  <p:cNvPr id="172" name="이등변 삼각형 212"/>
                  <p:cNvSpPr/>
                  <p:nvPr/>
                </p:nvSpPr>
                <p:spPr>
                  <a:xfrm rot="9000000" flipH="1">
                    <a:off x="4815282" y="2380969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solidFill>
                    <a:srgbClr val="E3312E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</p:grpSp>
          </p:grpSp>
          <p:grpSp>
            <p:nvGrpSpPr>
              <p:cNvPr id="155" name="그룹 154"/>
              <p:cNvGrpSpPr/>
              <p:nvPr/>
            </p:nvGrpSpPr>
            <p:grpSpPr>
              <a:xfrm>
                <a:off x="8228374" y="2440793"/>
                <a:ext cx="322901" cy="1093150"/>
                <a:chOff x="5423123" y="1110130"/>
                <a:chExt cx="764347" cy="2587622"/>
              </a:xfrm>
            </p:grpSpPr>
            <p:grpSp>
              <p:nvGrpSpPr>
                <p:cNvPr id="163" name="그룹 162"/>
                <p:cNvGrpSpPr/>
                <p:nvPr/>
              </p:nvGrpSpPr>
              <p:grpSpPr>
                <a:xfrm rot="10800000">
                  <a:off x="5423123" y="1110130"/>
                  <a:ext cx="764347" cy="2587622"/>
                  <a:chOff x="1198521" y="2481672"/>
                  <a:chExt cx="632111" cy="2139950"/>
                </a:xfrm>
                <a:solidFill>
                  <a:schemeClr val="tx1"/>
                </a:solidFill>
              </p:grpSpPr>
              <p:sp>
                <p:nvSpPr>
                  <p:cNvPr id="167" name="이등변 삼각형 212"/>
                  <p:cNvSpPr/>
                  <p:nvPr/>
                </p:nvSpPr>
                <p:spPr>
                  <a:xfrm>
                    <a:off x="1504647" y="2481672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  <p:sp>
                <p:nvSpPr>
                  <p:cNvPr id="168" name="이등변 삼각형 212"/>
                  <p:cNvSpPr/>
                  <p:nvPr/>
                </p:nvSpPr>
                <p:spPr>
                  <a:xfrm flipH="1">
                    <a:off x="1198521" y="2481672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</p:grpSp>
            <p:grpSp>
              <p:nvGrpSpPr>
                <p:cNvPr id="164" name="그룹 163"/>
                <p:cNvGrpSpPr/>
                <p:nvPr/>
              </p:nvGrpSpPr>
              <p:grpSpPr>
                <a:xfrm rot="1800000">
                  <a:off x="5581097" y="1244530"/>
                  <a:ext cx="457821" cy="1776001"/>
                  <a:chOff x="4550170" y="2380969"/>
                  <a:chExt cx="591097" cy="2293013"/>
                </a:xfrm>
              </p:grpSpPr>
              <p:sp>
                <p:nvSpPr>
                  <p:cNvPr id="165" name="이등변 삼각형 212"/>
                  <p:cNvSpPr/>
                  <p:nvPr/>
                </p:nvSpPr>
                <p:spPr>
                  <a:xfrm rot="9000000">
                    <a:off x="4550170" y="2534032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solidFill>
                    <a:srgbClr val="DECE00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  <p:sp>
                <p:nvSpPr>
                  <p:cNvPr id="166" name="이등변 삼각형 212"/>
                  <p:cNvSpPr/>
                  <p:nvPr/>
                </p:nvSpPr>
                <p:spPr>
                  <a:xfrm rot="9000000" flipH="1">
                    <a:off x="4815282" y="2380969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solidFill>
                    <a:srgbClr val="FFEF13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</p:grpSp>
          </p:grpSp>
          <p:grpSp>
            <p:nvGrpSpPr>
              <p:cNvPr id="156" name="그룹 155"/>
              <p:cNvGrpSpPr/>
              <p:nvPr/>
            </p:nvGrpSpPr>
            <p:grpSpPr>
              <a:xfrm rot="900000">
                <a:off x="8466026" y="2606831"/>
                <a:ext cx="750278" cy="1093149"/>
                <a:chOff x="5728117" y="1253438"/>
                <a:chExt cx="1776002" cy="2587622"/>
              </a:xfrm>
            </p:grpSpPr>
            <p:grpSp>
              <p:nvGrpSpPr>
                <p:cNvPr id="157" name="그룹 156"/>
                <p:cNvGrpSpPr/>
                <p:nvPr/>
              </p:nvGrpSpPr>
              <p:grpSpPr>
                <a:xfrm rot="12600000">
                  <a:off x="6077356" y="1253438"/>
                  <a:ext cx="764347" cy="2587622"/>
                  <a:chOff x="1198521" y="2481672"/>
                  <a:chExt cx="632111" cy="2139950"/>
                </a:xfrm>
                <a:solidFill>
                  <a:schemeClr val="tx1"/>
                </a:solidFill>
              </p:grpSpPr>
              <p:sp>
                <p:nvSpPr>
                  <p:cNvPr id="161" name="이등변 삼각형 212"/>
                  <p:cNvSpPr/>
                  <p:nvPr/>
                </p:nvSpPr>
                <p:spPr>
                  <a:xfrm>
                    <a:off x="1504647" y="2481672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  <p:sp>
                <p:nvSpPr>
                  <p:cNvPr id="162" name="이등변 삼각형 212"/>
                  <p:cNvSpPr/>
                  <p:nvPr/>
                </p:nvSpPr>
                <p:spPr>
                  <a:xfrm flipH="1">
                    <a:off x="1198521" y="2481672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</p:grpSp>
            <p:grpSp>
              <p:nvGrpSpPr>
                <p:cNvPr id="158" name="그룹 157"/>
                <p:cNvGrpSpPr/>
                <p:nvPr/>
              </p:nvGrpSpPr>
              <p:grpSpPr>
                <a:xfrm rot="3600000">
                  <a:off x="6387207" y="1369168"/>
                  <a:ext cx="457822" cy="1776002"/>
                  <a:chOff x="4550170" y="2380968"/>
                  <a:chExt cx="591098" cy="2293014"/>
                </a:xfrm>
              </p:grpSpPr>
              <p:sp>
                <p:nvSpPr>
                  <p:cNvPr id="159" name="이등변 삼각형 212"/>
                  <p:cNvSpPr/>
                  <p:nvPr/>
                </p:nvSpPr>
                <p:spPr>
                  <a:xfrm rot="9000000">
                    <a:off x="4550170" y="2534032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solidFill>
                    <a:srgbClr val="044268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  <p:sp>
                <p:nvSpPr>
                  <p:cNvPr id="160" name="이등변 삼각형 212"/>
                  <p:cNvSpPr/>
                  <p:nvPr/>
                </p:nvSpPr>
                <p:spPr>
                  <a:xfrm rot="9000000" flipH="1">
                    <a:off x="4815283" y="2380968"/>
                    <a:ext cx="325985" cy="2139950"/>
                  </a:xfrm>
                  <a:custGeom>
                    <a:avLst/>
                    <a:gdLst>
                      <a:gd name="connsiteX0" fmla="*/ 0 w 628650"/>
                      <a:gd name="connsiteY0" fmla="*/ 1879600 h 1879600"/>
                      <a:gd name="connsiteX1" fmla="*/ 314325 w 628650"/>
                      <a:gd name="connsiteY1" fmla="*/ 0 h 1879600"/>
                      <a:gd name="connsiteX2" fmla="*/ 628650 w 628650"/>
                      <a:gd name="connsiteY2" fmla="*/ 1879600 h 1879600"/>
                      <a:gd name="connsiteX3" fmla="*/ 0 w 628650"/>
                      <a:gd name="connsiteY3" fmla="*/ 1879600 h 1879600"/>
                      <a:gd name="connsiteX0" fmla="*/ 0 w 628650"/>
                      <a:gd name="connsiteY0" fmla="*/ 1879600 h 2139950"/>
                      <a:gd name="connsiteX1" fmla="*/ 314325 w 628650"/>
                      <a:gd name="connsiteY1" fmla="*/ 0 h 2139950"/>
                      <a:gd name="connsiteX2" fmla="*/ 628650 w 628650"/>
                      <a:gd name="connsiteY2" fmla="*/ 1879600 h 2139950"/>
                      <a:gd name="connsiteX3" fmla="*/ 304800 w 628650"/>
                      <a:gd name="connsiteY3" fmla="*/ 2139950 h 2139950"/>
                      <a:gd name="connsiteX4" fmla="*/ 0 w 628650"/>
                      <a:gd name="connsiteY4" fmla="*/ 1879600 h 2139950"/>
                      <a:gd name="connsiteX0" fmla="*/ 0 w 630785"/>
                      <a:gd name="connsiteY0" fmla="*/ 1879600 h 2139950"/>
                      <a:gd name="connsiteX1" fmla="*/ 314325 w 630785"/>
                      <a:gd name="connsiteY1" fmla="*/ 0 h 2139950"/>
                      <a:gd name="connsiteX2" fmla="*/ 628650 w 630785"/>
                      <a:gd name="connsiteY2" fmla="*/ 1879600 h 2139950"/>
                      <a:gd name="connsiteX3" fmla="*/ 304800 w 630785"/>
                      <a:gd name="connsiteY3" fmla="*/ 2139950 h 2139950"/>
                      <a:gd name="connsiteX4" fmla="*/ 0 w 630785"/>
                      <a:gd name="connsiteY4" fmla="*/ 1879600 h 2139950"/>
                      <a:gd name="connsiteX0" fmla="*/ 0 w 325985"/>
                      <a:gd name="connsiteY0" fmla="*/ 2139950 h 2139950"/>
                      <a:gd name="connsiteX1" fmla="*/ 9525 w 325985"/>
                      <a:gd name="connsiteY1" fmla="*/ 0 h 2139950"/>
                      <a:gd name="connsiteX2" fmla="*/ 323850 w 325985"/>
                      <a:gd name="connsiteY2" fmla="*/ 1879600 h 2139950"/>
                      <a:gd name="connsiteX3" fmla="*/ 0 w 325985"/>
                      <a:gd name="connsiteY3" fmla="*/ 2139950 h 213995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</a:cxnLst>
                    <a:rect l="l" t="t" r="r" b="b"/>
                    <a:pathLst>
                      <a:path w="325985" h="2139950">
                        <a:moveTo>
                          <a:pt x="0" y="2139950"/>
                        </a:moveTo>
                        <a:lnTo>
                          <a:pt x="9525" y="0"/>
                        </a:lnTo>
                        <a:lnTo>
                          <a:pt x="323850" y="1879600"/>
                        </a:lnTo>
                        <a:cubicBezTo>
                          <a:pt x="351367" y="2120900"/>
                          <a:pt x="105833" y="2139950"/>
                          <a:pt x="0" y="2139950"/>
                        </a:cubicBezTo>
                        <a:close/>
                      </a:path>
                    </a:pathLst>
                  </a:custGeom>
                  <a:solidFill>
                    <a:srgbClr val="0665A0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ko-KR" altLang="en-US" dirty="0"/>
                  </a:p>
                </p:txBody>
              </p:sp>
            </p:grpSp>
          </p:grpSp>
        </p:grpSp>
        <p:grpSp>
          <p:nvGrpSpPr>
            <p:cNvPr id="144" name="그룹 143"/>
            <p:cNvGrpSpPr/>
            <p:nvPr/>
          </p:nvGrpSpPr>
          <p:grpSpPr>
            <a:xfrm>
              <a:off x="5217285" y="3048194"/>
              <a:ext cx="1873432" cy="1873432"/>
              <a:chOff x="6090307" y="3671902"/>
              <a:chExt cx="1790700" cy="1790700"/>
            </a:xfrm>
          </p:grpSpPr>
          <p:sp>
            <p:nvSpPr>
              <p:cNvPr id="145" name="타원 144"/>
              <p:cNvSpPr/>
              <p:nvPr/>
            </p:nvSpPr>
            <p:spPr>
              <a:xfrm>
                <a:off x="6090307" y="3671902"/>
                <a:ext cx="1790700" cy="1790700"/>
              </a:xfrm>
              <a:prstGeom prst="ellipse">
                <a:avLst/>
              </a:pr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grpSp>
            <p:nvGrpSpPr>
              <p:cNvPr id="146" name="그룹 145"/>
              <p:cNvGrpSpPr/>
              <p:nvPr/>
            </p:nvGrpSpPr>
            <p:grpSpPr>
              <a:xfrm>
                <a:off x="6251049" y="4000051"/>
                <a:ext cx="1469216" cy="1084956"/>
                <a:chOff x="5704686" y="6045460"/>
                <a:chExt cx="2515206" cy="1857376"/>
              </a:xfrm>
            </p:grpSpPr>
            <p:sp>
              <p:nvSpPr>
                <p:cNvPr id="147" name="타원 146"/>
                <p:cNvSpPr/>
                <p:nvPr/>
              </p:nvSpPr>
              <p:spPr>
                <a:xfrm rot="1180503">
                  <a:off x="5704686" y="6045461"/>
                  <a:ext cx="1123710" cy="1857375"/>
                </a:xfrm>
                <a:prstGeom prst="ellipse">
                  <a:avLst/>
                </a:prstGeom>
                <a:solidFill>
                  <a:srgbClr val="FFF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148" name="타원 147"/>
                <p:cNvSpPr/>
                <p:nvPr/>
              </p:nvSpPr>
              <p:spPr>
                <a:xfrm rot="1180503">
                  <a:off x="5886112" y="6232967"/>
                  <a:ext cx="760858" cy="1482362"/>
                </a:xfrm>
                <a:prstGeom prst="ellipse">
                  <a:avLst/>
                </a:prstGeom>
                <a:solidFill>
                  <a:srgbClr val="181717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149" name="타원 148"/>
                <p:cNvSpPr/>
                <p:nvPr/>
              </p:nvSpPr>
              <p:spPr>
                <a:xfrm>
                  <a:off x="6098503" y="7331050"/>
                  <a:ext cx="208519" cy="208519"/>
                </a:xfrm>
                <a:prstGeom prst="ellipse">
                  <a:avLst/>
                </a:prstGeom>
                <a:solidFill>
                  <a:srgbClr val="FFF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150" name="타원 149"/>
                <p:cNvSpPr/>
                <p:nvPr/>
              </p:nvSpPr>
              <p:spPr>
                <a:xfrm rot="1180503">
                  <a:off x="7096182" y="6045460"/>
                  <a:ext cx="1123710" cy="1857375"/>
                </a:xfrm>
                <a:prstGeom prst="ellipse">
                  <a:avLst/>
                </a:prstGeom>
                <a:solidFill>
                  <a:srgbClr val="FFF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151" name="타원 150"/>
                <p:cNvSpPr/>
                <p:nvPr/>
              </p:nvSpPr>
              <p:spPr>
                <a:xfrm rot="1180503">
                  <a:off x="7277608" y="6232966"/>
                  <a:ext cx="760858" cy="1482362"/>
                </a:xfrm>
                <a:prstGeom prst="ellipse">
                  <a:avLst/>
                </a:prstGeom>
                <a:solidFill>
                  <a:srgbClr val="181717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152" name="타원 151"/>
                <p:cNvSpPr/>
                <p:nvPr/>
              </p:nvSpPr>
              <p:spPr>
                <a:xfrm>
                  <a:off x="7430468" y="7278662"/>
                  <a:ext cx="208519" cy="208519"/>
                </a:xfrm>
                <a:prstGeom prst="ellipse">
                  <a:avLst/>
                </a:prstGeom>
                <a:solidFill>
                  <a:srgbClr val="FFF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153" name="막힌 원호 152"/>
                <p:cNvSpPr/>
                <p:nvPr/>
              </p:nvSpPr>
              <p:spPr>
                <a:xfrm rot="11700000">
                  <a:off x="6518387" y="7098280"/>
                  <a:ext cx="777801" cy="777801"/>
                </a:xfrm>
                <a:prstGeom prst="blockArc">
                  <a:avLst>
                    <a:gd name="adj1" fmla="val 10800000"/>
                    <a:gd name="adj2" fmla="val 555000"/>
                    <a:gd name="adj3" fmla="val 20829"/>
                  </a:avLst>
                </a:prstGeom>
                <a:solidFill>
                  <a:srgbClr val="FFF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>
                    <a:solidFill>
                      <a:schemeClr val="tx1"/>
                    </a:solidFill>
                  </a:endParaRPr>
                </a:p>
              </p:txBody>
            </p:sp>
          </p:grpSp>
        </p:grpSp>
      </p:grp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grpSp>
        <p:nvGrpSpPr>
          <p:cNvPr id="182" name="그룹 181"/>
          <p:cNvGrpSpPr/>
          <p:nvPr/>
        </p:nvGrpSpPr>
        <p:grpSpPr>
          <a:xfrm rot="1800000">
            <a:off x="3180686" y="1511152"/>
            <a:ext cx="289952" cy="1095375"/>
            <a:chOff x="2095500" y="1523999"/>
            <a:chExt cx="514350" cy="1943101"/>
          </a:xfrm>
        </p:grpSpPr>
        <p:sp>
          <p:nvSpPr>
            <p:cNvPr id="183" name="타원 182"/>
            <p:cNvSpPr/>
            <p:nvPr/>
          </p:nvSpPr>
          <p:spPr>
            <a:xfrm>
              <a:off x="2095500" y="3067050"/>
              <a:ext cx="514350" cy="40005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84" name="직사각형 183"/>
            <p:cNvSpPr/>
            <p:nvPr/>
          </p:nvSpPr>
          <p:spPr>
            <a:xfrm>
              <a:off x="2514600" y="1523999"/>
              <a:ext cx="95250" cy="1743075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185" name="그룹 184"/>
          <p:cNvGrpSpPr/>
          <p:nvPr/>
        </p:nvGrpSpPr>
        <p:grpSpPr>
          <a:xfrm rot="20700000">
            <a:off x="2434534" y="4698755"/>
            <a:ext cx="924389" cy="928943"/>
            <a:chOff x="4913396" y="2143123"/>
            <a:chExt cx="1933575" cy="1943101"/>
          </a:xfrm>
        </p:grpSpPr>
        <p:grpSp>
          <p:nvGrpSpPr>
            <p:cNvPr id="186" name="그룹 185"/>
            <p:cNvGrpSpPr/>
            <p:nvPr/>
          </p:nvGrpSpPr>
          <p:grpSpPr>
            <a:xfrm>
              <a:off x="4913396" y="2143123"/>
              <a:ext cx="514350" cy="1943101"/>
              <a:chOff x="4276725" y="1981199"/>
              <a:chExt cx="514350" cy="1943101"/>
            </a:xfrm>
          </p:grpSpPr>
          <p:sp>
            <p:nvSpPr>
              <p:cNvPr id="191" name="타원 190"/>
              <p:cNvSpPr/>
              <p:nvPr/>
            </p:nvSpPr>
            <p:spPr>
              <a:xfrm>
                <a:off x="4276725" y="3524250"/>
                <a:ext cx="514350" cy="400050"/>
              </a:xfrm>
              <a:prstGeom prst="ellipse">
                <a:avLst/>
              </a:prstGeom>
              <a:solidFill>
                <a:schemeClr val="tx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192" name="직사각형 191"/>
              <p:cNvSpPr/>
              <p:nvPr/>
            </p:nvSpPr>
            <p:spPr>
              <a:xfrm>
                <a:off x="4695825" y="1981199"/>
                <a:ext cx="95250" cy="1743075"/>
              </a:xfrm>
              <a:prstGeom prst="rect">
                <a:avLst/>
              </a:pr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grpSp>
          <p:nvGrpSpPr>
            <p:cNvPr id="187" name="그룹 186"/>
            <p:cNvGrpSpPr/>
            <p:nvPr/>
          </p:nvGrpSpPr>
          <p:grpSpPr>
            <a:xfrm>
              <a:off x="6332621" y="2247900"/>
              <a:ext cx="514350" cy="1638300"/>
              <a:chOff x="4276725" y="2286000"/>
              <a:chExt cx="514350" cy="1638300"/>
            </a:xfrm>
          </p:grpSpPr>
          <p:sp>
            <p:nvSpPr>
              <p:cNvPr id="189" name="타원 188"/>
              <p:cNvSpPr/>
              <p:nvPr/>
            </p:nvSpPr>
            <p:spPr>
              <a:xfrm>
                <a:off x="4276725" y="3524250"/>
                <a:ext cx="514350" cy="400050"/>
              </a:xfrm>
              <a:prstGeom prst="ellipse">
                <a:avLst/>
              </a:prstGeom>
              <a:solidFill>
                <a:schemeClr val="tx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190" name="직사각형 96"/>
              <p:cNvSpPr/>
              <p:nvPr/>
            </p:nvSpPr>
            <p:spPr>
              <a:xfrm>
                <a:off x="4695825" y="2286000"/>
                <a:ext cx="95250" cy="1438274"/>
              </a:xfrm>
              <a:custGeom>
                <a:avLst/>
                <a:gdLst>
                  <a:gd name="connsiteX0" fmla="*/ 0 w 95250"/>
                  <a:gd name="connsiteY0" fmla="*/ 0 h 1438274"/>
                  <a:gd name="connsiteX1" fmla="*/ 95250 w 95250"/>
                  <a:gd name="connsiteY1" fmla="*/ 0 h 1438274"/>
                  <a:gd name="connsiteX2" fmla="*/ 95250 w 95250"/>
                  <a:gd name="connsiteY2" fmla="*/ 1438274 h 1438274"/>
                  <a:gd name="connsiteX3" fmla="*/ 0 w 95250"/>
                  <a:gd name="connsiteY3" fmla="*/ 1438274 h 1438274"/>
                  <a:gd name="connsiteX4" fmla="*/ 0 w 95250"/>
                  <a:gd name="connsiteY4" fmla="*/ 0 h 1438274"/>
                  <a:gd name="connsiteX0" fmla="*/ 0 w 95250"/>
                  <a:gd name="connsiteY0" fmla="*/ 0 h 1438274"/>
                  <a:gd name="connsiteX1" fmla="*/ 92868 w 95250"/>
                  <a:gd name="connsiteY1" fmla="*/ 9525 h 1438274"/>
                  <a:gd name="connsiteX2" fmla="*/ 95250 w 95250"/>
                  <a:gd name="connsiteY2" fmla="*/ 1438274 h 1438274"/>
                  <a:gd name="connsiteX3" fmla="*/ 0 w 95250"/>
                  <a:gd name="connsiteY3" fmla="*/ 1438274 h 1438274"/>
                  <a:gd name="connsiteX4" fmla="*/ 0 w 95250"/>
                  <a:gd name="connsiteY4" fmla="*/ 0 h 14382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95250" h="1438274">
                    <a:moveTo>
                      <a:pt x="0" y="0"/>
                    </a:moveTo>
                    <a:lnTo>
                      <a:pt x="92868" y="9525"/>
                    </a:lnTo>
                    <a:lnTo>
                      <a:pt x="95250" y="1438274"/>
                    </a:lnTo>
                    <a:lnTo>
                      <a:pt x="0" y="1438274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188" name="평행 사변형 187"/>
            <p:cNvSpPr/>
            <p:nvPr/>
          </p:nvSpPr>
          <p:spPr>
            <a:xfrm rot="5400000">
              <a:off x="5880184" y="1690685"/>
              <a:ext cx="419099" cy="1323975"/>
            </a:xfrm>
            <a:prstGeom prst="parallelogram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193" name="그룹 192"/>
          <p:cNvGrpSpPr/>
          <p:nvPr/>
        </p:nvGrpSpPr>
        <p:grpSpPr>
          <a:xfrm rot="900000">
            <a:off x="9264780" y="3135283"/>
            <a:ext cx="451699" cy="1069020"/>
            <a:chOff x="8239627" y="1590671"/>
            <a:chExt cx="821029" cy="1943101"/>
          </a:xfrm>
        </p:grpSpPr>
        <p:grpSp>
          <p:nvGrpSpPr>
            <p:cNvPr id="194" name="그룹 193"/>
            <p:cNvGrpSpPr/>
            <p:nvPr/>
          </p:nvGrpSpPr>
          <p:grpSpPr>
            <a:xfrm>
              <a:off x="8239627" y="1590671"/>
              <a:ext cx="514350" cy="1943101"/>
              <a:chOff x="2095500" y="1523999"/>
              <a:chExt cx="514350" cy="1943101"/>
            </a:xfrm>
          </p:grpSpPr>
          <p:sp>
            <p:nvSpPr>
              <p:cNvPr id="196" name="타원 195"/>
              <p:cNvSpPr/>
              <p:nvPr/>
            </p:nvSpPr>
            <p:spPr>
              <a:xfrm>
                <a:off x="2095500" y="3067050"/>
                <a:ext cx="514350" cy="400050"/>
              </a:xfrm>
              <a:prstGeom prst="ellipse">
                <a:avLst/>
              </a:prstGeom>
              <a:solidFill>
                <a:schemeClr val="tx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197" name="직사각형 196"/>
              <p:cNvSpPr/>
              <p:nvPr/>
            </p:nvSpPr>
            <p:spPr>
              <a:xfrm>
                <a:off x="2514600" y="1523999"/>
                <a:ext cx="95250" cy="1743075"/>
              </a:xfrm>
              <a:prstGeom prst="rect">
                <a:avLst/>
              </a:pr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195" name="타원 194"/>
            <p:cNvSpPr/>
            <p:nvPr/>
          </p:nvSpPr>
          <p:spPr>
            <a:xfrm>
              <a:off x="8974555" y="3133722"/>
              <a:ext cx="86101" cy="86101"/>
            </a:xfrm>
            <a:prstGeom prst="ellipse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</p:grpSp>
      <p:grpSp>
        <p:nvGrpSpPr>
          <p:cNvPr id="198" name="그룹 197"/>
          <p:cNvGrpSpPr/>
          <p:nvPr/>
        </p:nvGrpSpPr>
        <p:grpSpPr>
          <a:xfrm rot="2700000">
            <a:off x="8101038" y="1555787"/>
            <a:ext cx="1032439" cy="1093470"/>
            <a:chOff x="7418471" y="4238624"/>
            <a:chExt cx="1933575" cy="2047875"/>
          </a:xfrm>
        </p:grpSpPr>
        <p:grpSp>
          <p:nvGrpSpPr>
            <p:cNvPr id="199" name="그룹 198"/>
            <p:cNvGrpSpPr/>
            <p:nvPr/>
          </p:nvGrpSpPr>
          <p:grpSpPr>
            <a:xfrm>
              <a:off x="7418471" y="4343398"/>
              <a:ext cx="514350" cy="1943101"/>
              <a:chOff x="4276725" y="1981199"/>
              <a:chExt cx="514350" cy="1943101"/>
            </a:xfrm>
          </p:grpSpPr>
          <p:sp>
            <p:nvSpPr>
              <p:cNvPr id="205" name="타원 204"/>
              <p:cNvSpPr/>
              <p:nvPr/>
            </p:nvSpPr>
            <p:spPr>
              <a:xfrm>
                <a:off x="4276725" y="3524250"/>
                <a:ext cx="514350" cy="400050"/>
              </a:xfrm>
              <a:prstGeom prst="ellipse">
                <a:avLst/>
              </a:prstGeom>
              <a:solidFill>
                <a:schemeClr val="tx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06" name="직사각형 205"/>
              <p:cNvSpPr/>
              <p:nvPr/>
            </p:nvSpPr>
            <p:spPr>
              <a:xfrm>
                <a:off x="4695825" y="1981199"/>
                <a:ext cx="95250" cy="1743075"/>
              </a:xfrm>
              <a:prstGeom prst="rect">
                <a:avLst/>
              </a:pr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grpSp>
          <p:nvGrpSpPr>
            <p:cNvPr id="200" name="그룹 199"/>
            <p:cNvGrpSpPr/>
            <p:nvPr/>
          </p:nvGrpSpPr>
          <p:grpSpPr>
            <a:xfrm>
              <a:off x="8837696" y="4238624"/>
              <a:ext cx="514350" cy="1638300"/>
              <a:chOff x="4276725" y="2286000"/>
              <a:chExt cx="514350" cy="1638300"/>
            </a:xfrm>
          </p:grpSpPr>
          <p:sp>
            <p:nvSpPr>
              <p:cNvPr id="203" name="타원 202"/>
              <p:cNvSpPr/>
              <p:nvPr/>
            </p:nvSpPr>
            <p:spPr>
              <a:xfrm>
                <a:off x="4276725" y="3524250"/>
                <a:ext cx="514350" cy="400050"/>
              </a:xfrm>
              <a:prstGeom prst="ellipse">
                <a:avLst/>
              </a:prstGeom>
              <a:solidFill>
                <a:schemeClr val="tx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04" name="직사각형 96"/>
              <p:cNvSpPr/>
              <p:nvPr/>
            </p:nvSpPr>
            <p:spPr>
              <a:xfrm>
                <a:off x="4695825" y="2286000"/>
                <a:ext cx="95250" cy="1438274"/>
              </a:xfrm>
              <a:custGeom>
                <a:avLst/>
                <a:gdLst>
                  <a:gd name="connsiteX0" fmla="*/ 0 w 95250"/>
                  <a:gd name="connsiteY0" fmla="*/ 0 h 1438274"/>
                  <a:gd name="connsiteX1" fmla="*/ 95250 w 95250"/>
                  <a:gd name="connsiteY1" fmla="*/ 0 h 1438274"/>
                  <a:gd name="connsiteX2" fmla="*/ 95250 w 95250"/>
                  <a:gd name="connsiteY2" fmla="*/ 1438274 h 1438274"/>
                  <a:gd name="connsiteX3" fmla="*/ 0 w 95250"/>
                  <a:gd name="connsiteY3" fmla="*/ 1438274 h 1438274"/>
                  <a:gd name="connsiteX4" fmla="*/ 0 w 95250"/>
                  <a:gd name="connsiteY4" fmla="*/ 0 h 1438274"/>
                  <a:gd name="connsiteX0" fmla="*/ 0 w 95250"/>
                  <a:gd name="connsiteY0" fmla="*/ 0 h 1438274"/>
                  <a:gd name="connsiteX1" fmla="*/ 92868 w 95250"/>
                  <a:gd name="connsiteY1" fmla="*/ 9525 h 1438274"/>
                  <a:gd name="connsiteX2" fmla="*/ 95250 w 95250"/>
                  <a:gd name="connsiteY2" fmla="*/ 1438274 h 1438274"/>
                  <a:gd name="connsiteX3" fmla="*/ 0 w 95250"/>
                  <a:gd name="connsiteY3" fmla="*/ 1438274 h 1438274"/>
                  <a:gd name="connsiteX4" fmla="*/ 0 w 95250"/>
                  <a:gd name="connsiteY4" fmla="*/ 0 h 14382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95250" h="1438274">
                    <a:moveTo>
                      <a:pt x="0" y="0"/>
                    </a:moveTo>
                    <a:lnTo>
                      <a:pt x="92868" y="9525"/>
                    </a:lnTo>
                    <a:lnTo>
                      <a:pt x="95250" y="1438274"/>
                    </a:lnTo>
                    <a:lnTo>
                      <a:pt x="0" y="1438274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201" name="평행 사변형 200"/>
            <p:cNvSpPr/>
            <p:nvPr/>
          </p:nvSpPr>
          <p:spPr>
            <a:xfrm rot="16200000" flipV="1">
              <a:off x="8385259" y="3786187"/>
              <a:ext cx="419099" cy="1323975"/>
            </a:xfrm>
            <a:prstGeom prst="parallelogram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2" name="평행 사변형 201"/>
            <p:cNvSpPr/>
            <p:nvPr/>
          </p:nvSpPr>
          <p:spPr>
            <a:xfrm rot="16706272" flipV="1">
              <a:off x="8385260" y="4043361"/>
              <a:ext cx="419099" cy="1323975"/>
            </a:xfrm>
            <a:prstGeom prst="parallelogram">
              <a:avLst>
                <a:gd name="adj" fmla="val 76136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2" name="그룹 1"/>
          <p:cNvGrpSpPr/>
          <p:nvPr/>
        </p:nvGrpSpPr>
        <p:grpSpPr>
          <a:xfrm>
            <a:off x="7861732" y="5138112"/>
            <a:ext cx="1095375" cy="539259"/>
            <a:chOff x="7551704" y="4980627"/>
            <a:chExt cx="1095375" cy="539259"/>
          </a:xfrm>
        </p:grpSpPr>
        <p:grpSp>
          <p:nvGrpSpPr>
            <p:cNvPr id="207" name="그룹 206"/>
            <p:cNvGrpSpPr/>
            <p:nvPr/>
          </p:nvGrpSpPr>
          <p:grpSpPr>
            <a:xfrm rot="2700000">
              <a:off x="7954416" y="4577915"/>
              <a:ext cx="289952" cy="1095375"/>
              <a:chOff x="2095500" y="1523999"/>
              <a:chExt cx="514350" cy="1943101"/>
            </a:xfrm>
          </p:grpSpPr>
          <p:sp>
            <p:nvSpPr>
              <p:cNvPr id="208" name="타원 207"/>
              <p:cNvSpPr/>
              <p:nvPr/>
            </p:nvSpPr>
            <p:spPr>
              <a:xfrm>
                <a:off x="2095500" y="3067050"/>
                <a:ext cx="514350" cy="400050"/>
              </a:xfrm>
              <a:prstGeom prst="ellipse">
                <a:avLst/>
              </a:prstGeom>
              <a:solidFill>
                <a:schemeClr val="tx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09" name="직사각형 208"/>
              <p:cNvSpPr/>
              <p:nvPr/>
            </p:nvSpPr>
            <p:spPr>
              <a:xfrm>
                <a:off x="2514600" y="1523999"/>
                <a:ext cx="95250" cy="1743075"/>
              </a:xfrm>
              <a:prstGeom prst="rect">
                <a:avLst/>
              </a:pr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210" name="타원 209"/>
            <p:cNvSpPr/>
            <p:nvPr/>
          </p:nvSpPr>
          <p:spPr>
            <a:xfrm rot="2700000">
              <a:off x="7705109" y="5365677"/>
              <a:ext cx="173485" cy="134933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6" name="그룹 5"/>
          <p:cNvGrpSpPr/>
          <p:nvPr/>
        </p:nvGrpSpPr>
        <p:grpSpPr>
          <a:xfrm>
            <a:off x="2299058" y="3236565"/>
            <a:ext cx="1069020" cy="507108"/>
            <a:chOff x="2299058" y="3236565"/>
            <a:chExt cx="1069020" cy="507108"/>
          </a:xfrm>
        </p:grpSpPr>
        <p:grpSp>
          <p:nvGrpSpPr>
            <p:cNvPr id="212" name="그룹 211"/>
            <p:cNvGrpSpPr/>
            <p:nvPr/>
          </p:nvGrpSpPr>
          <p:grpSpPr>
            <a:xfrm rot="6300000">
              <a:off x="2607718" y="2983314"/>
              <a:ext cx="451699" cy="1069020"/>
              <a:chOff x="8239627" y="1590671"/>
              <a:chExt cx="821029" cy="1943101"/>
            </a:xfrm>
          </p:grpSpPr>
          <p:grpSp>
            <p:nvGrpSpPr>
              <p:cNvPr id="213" name="그룹 212"/>
              <p:cNvGrpSpPr/>
              <p:nvPr/>
            </p:nvGrpSpPr>
            <p:grpSpPr>
              <a:xfrm>
                <a:off x="8239627" y="1590671"/>
                <a:ext cx="514350" cy="1943101"/>
                <a:chOff x="2095500" y="1523999"/>
                <a:chExt cx="514350" cy="1943101"/>
              </a:xfrm>
            </p:grpSpPr>
            <p:sp>
              <p:nvSpPr>
                <p:cNvPr id="215" name="타원 214"/>
                <p:cNvSpPr/>
                <p:nvPr/>
              </p:nvSpPr>
              <p:spPr>
                <a:xfrm>
                  <a:off x="2095500" y="3067050"/>
                  <a:ext cx="514350" cy="400050"/>
                </a:xfrm>
                <a:prstGeom prst="ellipse">
                  <a:avLst/>
                </a:prstGeom>
                <a:solidFill>
                  <a:schemeClr val="tx1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216" name="직사각형 215"/>
                <p:cNvSpPr/>
                <p:nvPr/>
              </p:nvSpPr>
              <p:spPr>
                <a:xfrm>
                  <a:off x="2514600" y="1523999"/>
                  <a:ext cx="95250" cy="1743075"/>
                </a:xfrm>
                <a:prstGeom prst="rect">
                  <a:avLst/>
                </a:prstGeom>
                <a:solidFill>
                  <a:srgbClr val="00000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</p:grpSp>
          <p:sp>
            <p:nvSpPr>
              <p:cNvPr id="214" name="타원 213"/>
              <p:cNvSpPr/>
              <p:nvPr/>
            </p:nvSpPr>
            <p:spPr>
              <a:xfrm>
                <a:off x="8974555" y="3133722"/>
                <a:ext cx="86101" cy="86101"/>
              </a:xfrm>
              <a:prstGeom prst="ellipse">
                <a:avLst/>
              </a:pr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</p:grpSp>
        <p:sp>
          <p:nvSpPr>
            <p:cNvPr id="217" name="타원 216"/>
            <p:cNvSpPr/>
            <p:nvPr/>
          </p:nvSpPr>
          <p:spPr>
            <a:xfrm rot="6300000">
              <a:off x="2358658" y="3255841"/>
              <a:ext cx="173485" cy="134933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7" name="사다리꼴 6"/>
          <p:cNvSpPr/>
          <p:nvPr/>
        </p:nvSpPr>
        <p:spPr>
          <a:xfrm rot="8100000">
            <a:off x="3918866" y="3182428"/>
            <a:ext cx="141568" cy="333835"/>
          </a:xfrm>
          <a:prstGeom prst="trapezoid">
            <a:avLst>
              <a:gd name="adj" fmla="val 10714"/>
            </a:avLst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4" name="사다리꼴 223"/>
          <p:cNvSpPr/>
          <p:nvPr/>
        </p:nvSpPr>
        <p:spPr>
          <a:xfrm rot="5400000">
            <a:off x="3704658" y="3817993"/>
            <a:ext cx="141568" cy="333835"/>
          </a:xfrm>
          <a:prstGeom prst="trapezoid">
            <a:avLst>
              <a:gd name="adj" fmla="val 10714"/>
            </a:avLst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5" name="사다리꼴 224"/>
          <p:cNvSpPr/>
          <p:nvPr/>
        </p:nvSpPr>
        <p:spPr>
          <a:xfrm rot="3600000">
            <a:off x="3911307" y="4428039"/>
            <a:ext cx="141568" cy="333835"/>
          </a:xfrm>
          <a:prstGeom prst="trapezoid">
            <a:avLst>
              <a:gd name="adj" fmla="val 10714"/>
            </a:avLst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6" name="사다리꼴 225"/>
          <p:cNvSpPr/>
          <p:nvPr/>
        </p:nvSpPr>
        <p:spPr>
          <a:xfrm rot="13500000" flipH="1">
            <a:off x="8254642" y="3161329"/>
            <a:ext cx="141568" cy="333835"/>
          </a:xfrm>
          <a:prstGeom prst="trapezoid">
            <a:avLst>
              <a:gd name="adj" fmla="val 10714"/>
            </a:avLst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7" name="사다리꼴 226"/>
          <p:cNvSpPr/>
          <p:nvPr/>
        </p:nvSpPr>
        <p:spPr>
          <a:xfrm rot="16200000" flipH="1">
            <a:off x="8468850" y="3796894"/>
            <a:ext cx="141568" cy="333835"/>
          </a:xfrm>
          <a:prstGeom prst="trapezoid">
            <a:avLst>
              <a:gd name="adj" fmla="val 10714"/>
            </a:avLst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8" name="사다리꼴 227"/>
          <p:cNvSpPr/>
          <p:nvPr/>
        </p:nvSpPr>
        <p:spPr>
          <a:xfrm rot="18000000" flipH="1">
            <a:off x="8262201" y="4406940"/>
            <a:ext cx="141568" cy="333835"/>
          </a:xfrm>
          <a:prstGeom prst="trapezoid">
            <a:avLst>
              <a:gd name="adj" fmla="val 10714"/>
            </a:avLst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0684381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150" fill="hold"/>
                                        <p:tgtEl>
                                          <p:spTgt spid="14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150" fill="hold"/>
                                        <p:tgtEl>
                                          <p:spTgt spid="1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50"/>
                            </p:stCondLst>
                            <p:childTnLst>
                              <p:par>
                                <p:cTn id="15" presetID="53" presetClass="entr" presetSubtype="16" repeatCount="indefinite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100" fill="hold"/>
                                        <p:tgtEl>
                                          <p:spTgt spid="22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100" fill="hold"/>
                                        <p:tgtEl>
                                          <p:spTgt spid="22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" dur="100"/>
                                        <p:tgtEl>
                                          <p:spTgt spid="2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750"/>
                            </p:stCondLst>
                            <p:childTnLst>
                              <p:par>
                                <p:cTn id="21" presetID="53" presetClass="entr" presetSubtype="16" repeatCount="indefinite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100" fill="hold"/>
                                        <p:tgtEl>
                                          <p:spTgt spid="2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100" fill="hold"/>
                                        <p:tgtEl>
                                          <p:spTgt spid="2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100"/>
                                        <p:tgtEl>
                                          <p:spTgt spid="2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850"/>
                            </p:stCondLst>
                            <p:childTnLst>
                              <p:par>
                                <p:cTn id="27" presetID="53" presetClass="entr" presetSubtype="16" repeatCount="indefinite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9" dur="100" fill="hold"/>
                                        <p:tgtEl>
                                          <p:spTgt spid="22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" fill="hold"/>
                                        <p:tgtEl>
                                          <p:spTgt spid="22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1" dur="100"/>
                                        <p:tgtEl>
                                          <p:spTgt spid="2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950"/>
                            </p:stCondLst>
                            <p:childTnLst>
                              <p:par>
                                <p:cTn id="33" presetID="53" presetClass="entr" presetSubtype="16" repeatCount="indefinite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100" fill="hold"/>
                                        <p:tgtEl>
                                          <p:spTgt spid="22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100" fill="hold"/>
                                        <p:tgtEl>
                                          <p:spTgt spid="22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100"/>
                                        <p:tgtEl>
                                          <p:spTgt spid="2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1050"/>
                            </p:stCondLst>
                            <p:childTnLst>
                              <p:par>
                                <p:cTn id="39" presetID="53" presetClass="entr" presetSubtype="16" repeatCount="indefinite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1" dur="100" fill="hold"/>
                                        <p:tgtEl>
                                          <p:spTgt spid="22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100" fill="hold"/>
                                        <p:tgtEl>
                                          <p:spTgt spid="22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3" dur="100"/>
                                        <p:tgtEl>
                                          <p:spTgt spid="2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1150"/>
                            </p:stCondLst>
                            <p:childTnLst>
                              <p:par>
                                <p:cTn id="45" presetID="53" presetClass="entr" presetSubtype="16" repeatCount="indefinite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7" dur="1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1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9" dur="1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1250"/>
                            </p:stCondLst>
                            <p:childTnLst>
                              <p:par>
                                <p:cTn id="51" presetID="31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150" fill="hold"/>
                                        <p:tgtEl>
                                          <p:spTgt spid="19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150" fill="hold"/>
                                        <p:tgtEl>
                                          <p:spTgt spid="19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150" fill="hold"/>
                                        <p:tgtEl>
                                          <p:spTgt spid="198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6" dur="150"/>
                                        <p:tgtEl>
                                          <p:spTgt spid="1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1900"/>
                            </p:stCondLst>
                            <p:childTnLst>
                              <p:par>
                                <p:cTn id="58" presetID="32" presetClass="emph" presetSubtype="0" repeatCount="indefinite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Rot by="120000">
                                      <p:cBhvr>
                                        <p:cTn id="59" dur="15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60" dur="30" fill="hold">
                                          <p:stCondLst>
                                            <p:cond delay="3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61" dur="30" fill="hold">
                                          <p:stCondLst>
                                            <p:cond delay="6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62" dur="30" fill="hold">
                                          <p:stCondLst>
                                            <p:cond delay="9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63" dur="30" fill="hold">
                                          <p:stCondLst>
                                            <p:cond delay="12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2050"/>
                            </p:stCondLst>
                            <p:childTnLst>
                              <p:par>
                                <p:cTn id="65" presetID="3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7" dur="1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1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1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0" dur="1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2200"/>
                            </p:stCondLst>
                            <p:childTnLst>
                              <p:par>
                                <p:cTn id="72" presetID="32" presetClass="emph" presetSubtype="0" repeatCount="indefinite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Rot by="120000">
                                      <p:cBhvr>
                                        <p:cTn id="73" dur="15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74" dur="30" fill="hold">
                                          <p:stCondLst>
                                            <p:cond delay="3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75" dur="30" fill="hold">
                                          <p:stCondLst>
                                            <p:cond delay="6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76" dur="30" fill="hold">
                                          <p:stCondLst>
                                            <p:cond delay="9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77" dur="30" fill="hold">
                                          <p:stCondLst>
                                            <p:cond delay="12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2350"/>
                            </p:stCondLst>
                            <p:childTnLst>
                              <p:par>
                                <p:cTn id="79" presetID="3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1" dur="150" fill="hold"/>
                                        <p:tgtEl>
                                          <p:spTgt spid="19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150" fill="hold"/>
                                        <p:tgtEl>
                                          <p:spTgt spid="19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3" dur="150" fill="hold"/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4" dur="150"/>
                                        <p:tgtEl>
                                          <p:spTgt spid="1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5" fill="hold">
                            <p:stCondLst>
                              <p:cond delay="2500"/>
                            </p:stCondLst>
                            <p:childTnLst>
                              <p:par>
                                <p:cTn id="86" presetID="32" presetClass="emph" presetSubtype="0" repeatCount="indefinite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Rot by="120000">
                                      <p:cBhvr>
                                        <p:cTn id="87" dur="15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88" dur="30" fill="hold">
                                          <p:stCondLst>
                                            <p:cond delay="3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89" dur="30" fill="hold">
                                          <p:stCondLst>
                                            <p:cond delay="6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90" dur="30" fill="hold">
                                          <p:stCondLst>
                                            <p:cond delay="9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91" dur="30" fill="hold">
                                          <p:stCondLst>
                                            <p:cond delay="12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2650"/>
                            </p:stCondLst>
                            <p:childTnLst>
                              <p:par>
                                <p:cTn id="93" presetID="3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5" dur="150" fill="hold"/>
                                        <p:tgtEl>
                                          <p:spTgt spid="18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6" dur="150" fill="hold"/>
                                        <p:tgtEl>
                                          <p:spTgt spid="18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7" dur="150" fill="hold"/>
                                        <p:tgtEl>
                                          <p:spTgt spid="185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8" dur="150"/>
                                        <p:tgtEl>
                                          <p:spTgt spid="1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9" fill="hold">
                            <p:stCondLst>
                              <p:cond delay="2800"/>
                            </p:stCondLst>
                            <p:childTnLst>
                              <p:par>
                                <p:cTn id="100" presetID="32" presetClass="emph" presetSubtype="0" repeatCount="indefinite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Rot by="120000">
                                      <p:cBhvr>
                                        <p:cTn id="101" dur="15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102" dur="30" fill="hold">
                                          <p:stCondLst>
                                            <p:cond delay="3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103" dur="30" fill="hold">
                                          <p:stCondLst>
                                            <p:cond delay="6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104" dur="30" fill="hold">
                                          <p:stCondLst>
                                            <p:cond delay="9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105" dur="30" fill="hold">
                                          <p:stCondLst>
                                            <p:cond delay="12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6" fill="hold">
                            <p:stCondLst>
                              <p:cond delay="2950"/>
                            </p:stCondLst>
                            <p:childTnLst>
                              <p:par>
                                <p:cTn id="107" presetID="3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9" dur="15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0" dur="15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1" dur="15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2" dur="1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3" fill="hold">
                            <p:stCondLst>
                              <p:cond delay="3100"/>
                            </p:stCondLst>
                            <p:childTnLst>
                              <p:par>
                                <p:cTn id="114" presetID="32" presetClass="emph" presetSubtype="0" repeatCount="indefinite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Rot by="120000">
                                      <p:cBhvr>
                                        <p:cTn id="115" dur="15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116" dur="30" fill="hold">
                                          <p:stCondLst>
                                            <p:cond delay="3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117" dur="30" fill="hold">
                                          <p:stCondLst>
                                            <p:cond delay="6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118" dur="30" fill="hold">
                                          <p:stCondLst>
                                            <p:cond delay="9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119" dur="30" fill="hold">
                                          <p:stCondLst>
                                            <p:cond delay="12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0" fill="hold">
                            <p:stCondLst>
                              <p:cond delay="3250"/>
                            </p:stCondLst>
                            <p:childTnLst>
                              <p:par>
                                <p:cTn id="121" presetID="3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3" dur="150" fill="hold"/>
                                        <p:tgtEl>
                                          <p:spTgt spid="18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4" dur="150" fill="hold"/>
                                        <p:tgtEl>
                                          <p:spTgt spid="18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5" dur="150" fill="hold"/>
                                        <p:tgtEl>
                                          <p:spTgt spid="18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6" dur="150"/>
                                        <p:tgtEl>
                                          <p:spTgt spid="1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7" fill="hold">
                            <p:stCondLst>
                              <p:cond delay="3400"/>
                            </p:stCondLst>
                            <p:childTnLst>
                              <p:par>
                                <p:cTn id="128" presetID="32" presetClass="emph" presetSubtype="0" repeatCount="indefinite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Rot by="120000">
                                      <p:cBhvr>
                                        <p:cTn id="129" dur="15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130" dur="30" fill="hold">
                                          <p:stCondLst>
                                            <p:cond delay="3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131" dur="30" fill="hold">
                                          <p:stCondLst>
                                            <p:cond delay="6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132" dur="30" fill="hold">
                                          <p:stCondLst>
                                            <p:cond delay="9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133" dur="30" fill="hold">
                                          <p:stCondLst>
                                            <p:cond delay="12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224" grpId="0" animBg="1"/>
      <p:bldP spid="225" grpId="0" animBg="1"/>
      <p:bldP spid="226" grpId="0" animBg="1"/>
      <p:bldP spid="227" grpId="0" animBg="1"/>
      <p:bldP spid="228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개발도구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grpSp>
        <p:nvGrpSpPr>
          <p:cNvPr id="26" name="그룹 25"/>
          <p:cNvGrpSpPr/>
          <p:nvPr/>
        </p:nvGrpSpPr>
        <p:grpSpPr>
          <a:xfrm>
            <a:off x="2801366" y="2918848"/>
            <a:ext cx="317500" cy="2379517"/>
            <a:chOff x="2801366" y="2731397"/>
            <a:chExt cx="317500" cy="2379517"/>
          </a:xfrm>
          <a:solidFill>
            <a:srgbClr val="D04727"/>
          </a:solidFill>
        </p:grpSpPr>
        <p:sp>
          <p:nvSpPr>
            <p:cNvPr id="19" name="직사각형 18"/>
            <p:cNvSpPr/>
            <p:nvPr/>
          </p:nvSpPr>
          <p:spPr>
            <a:xfrm>
              <a:off x="2801366" y="4686332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80" name="직사각형 79"/>
            <p:cNvSpPr/>
            <p:nvPr/>
          </p:nvSpPr>
          <p:spPr>
            <a:xfrm>
              <a:off x="2801366" y="4408384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85" name="직사각형 84"/>
            <p:cNvSpPr/>
            <p:nvPr/>
          </p:nvSpPr>
          <p:spPr>
            <a:xfrm>
              <a:off x="2801366" y="4127110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89" name="직사각형 88"/>
            <p:cNvSpPr/>
            <p:nvPr/>
          </p:nvSpPr>
          <p:spPr>
            <a:xfrm>
              <a:off x="2801366" y="3849162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3" name="직사각형 92"/>
            <p:cNvSpPr/>
            <p:nvPr/>
          </p:nvSpPr>
          <p:spPr>
            <a:xfrm>
              <a:off x="2801366" y="3568825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4" name="직사각형 93"/>
            <p:cNvSpPr/>
            <p:nvPr/>
          </p:nvSpPr>
          <p:spPr>
            <a:xfrm>
              <a:off x="2801366" y="3290877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5" name="직사각형 94"/>
            <p:cNvSpPr/>
            <p:nvPr/>
          </p:nvSpPr>
          <p:spPr>
            <a:xfrm>
              <a:off x="2801366" y="3009345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6" name="직사각형 95"/>
            <p:cNvSpPr/>
            <p:nvPr/>
          </p:nvSpPr>
          <p:spPr>
            <a:xfrm>
              <a:off x="2801366" y="2731397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7" name="직사각형 116"/>
            <p:cNvSpPr/>
            <p:nvPr/>
          </p:nvSpPr>
          <p:spPr>
            <a:xfrm>
              <a:off x="2801366" y="4971214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pic>
        <p:nvPicPr>
          <p:cNvPr id="28" name="그림 27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48523" y="1703675"/>
            <a:ext cx="1440000" cy="1440000"/>
          </a:xfrm>
          <a:prstGeom prst="ellipse">
            <a:avLst/>
          </a:prstGeom>
        </p:spPr>
      </p:pic>
      <p:grpSp>
        <p:nvGrpSpPr>
          <p:cNvPr id="4" name="그룹 3"/>
          <p:cNvGrpSpPr/>
          <p:nvPr/>
        </p:nvGrpSpPr>
        <p:grpSpPr>
          <a:xfrm>
            <a:off x="1737033" y="5440195"/>
            <a:ext cx="2550286" cy="559763"/>
            <a:chOff x="1737033" y="5440195"/>
            <a:chExt cx="2550286" cy="559763"/>
          </a:xfrm>
        </p:grpSpPr>
        <p:sp>
          <p:nvSpPr>
            <p:cNvPr id="71" name="갈매기형 수장 70"/>
            <p:cNvSpPr/>
            <p:nvPr/>
          </p:nvSpPr>
          <p:spPr>
            <a:xfrm>
              <a:off x="1737034" y="5440197"/>
              <a:ext cx="2550285" cy="559761"/>
            </a:xfrm>
            <a:custGeom>
              <a:avLst/>
              <a:gdLst>
                <a:gd name="connsiteX0" fmla="*/ 0 w 6388100"/>
                <a:gd name="connsiteY0" fmla="*/ 0 h 1384300"/>
                <a:gd name="connsiteX1" fmla="*/ 6000745 w 6388100"/>
                <a:gd name="connsiteY1" fmla="*/ 0 h 1384300"/>
                <a:gd name="connsiteX2" fmla="*/ 6388100 w 6388100"/>
                <a:gd name="connsiteY2" fmla="*/ 692150 h 1384300"/>
                <a:gd name="connsiteX3" fmla="*/ 6000745 w 6388100"/>
                <a:gd name="connsiteY3" fmla="*/ 1384300 h 1384300"/>
                <a:gd name="connsiteX4" fmla="*/ 0 w 6388100"/>
                <a:gd name="connsiteY4" fmla="*/ 1384300 h 1384300"/>
                <a:gd name="connsiteX5" fmla="*/ 387355 w 6388100"/>
                <a:gd name="connsiteY5" fmla="*/ 692150 h 1384300"/>
                <a:gd name="connsiteX6" fmla="*/ 0 w 6388100"/>
                <a:gd name="connsiteY6" fmla="*/ 0 h 1384300"/>
                <a:gd name="connsiteX0" fmla="*/ 0 w 6388100"/>
                <a:gd name="connsiteY0" fmla="*/ 0 h 1384300"/>
                <a:gd name="connsiteX1" fmla="*/ 6000745 w 6388100"/>
                <a:gd name="connsiteY1" fmla="*/ 0 h 1384300"/>
                <a:gd name="connsiteX2" fmla="*/ 6388100 w 6388100"/>
                <a:gd name="connsiteY2" fmla="*/ 692150 h 1384300"/>
                <a:gd name="connsiteX3" fmla="*/ 6000745 w 6388100"/>
                <a:gd name="connsiteY3" fmla="*/ 1384300 h 1384300"/>
                <a:gd name="connsiteX4" fmla="*/ 0 w 6388100"/>
                <a:gd name="connsiteY4" fmla="*/ 1384300 h 1384300"/>
                <a:gd name="connsiteX5" fmla="*/ 0 w 6388100"/>
                <a:gd name="connsiteY5" fmla="*/ 0 h 138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388100" h="1384300">
                  <a:moveTo>
                    <a:pt x="0" y="0"/>
                  </a:moveTo>
                  <a:lnTo>
                    <a:pt x="6000745" y="0"/>
                  </a:lnTo>
                  <a:lnTo>
                    <a:pt x="6388100" y="692150"/>
                  </a:lnTo>
                  <a:lnTo>
                    <a:pt x="6000745" y="1384300"/>
                  </a:lnTo>
                  <a:lnTo>
                    <a:pt x="0" y="13843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0472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  <p:sp>
          <p:nvSpPr>
            <p:cNvPr id="138" name="직사각형 137"/>
            <p:cNvSpPr/>
            <p:nvPr/>
          </p:nvSpPr>
          <p:spPr>
            <a:xfrm>
              <a:off x="1737033" y="5440195"/>
              <a:ext cx="2550285" cy="558287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2400" dirty="0" smtClean="0">
                  <a:solidFill>
                    <a:schemeClr val="bg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Graphic</a:t>
              </a:r>
              <a:endParaRPr lang="ko-KR" altLang="en-US" sz="2400" dirty="0">
                <a:solidFill>
                  <a:schemeClr val="bg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grpSp>
        <p:nvGrpSpPr>
          <p:cNvPr id="118" name="그룹 117"/>
          <p:cNvGrpSpPr/>
          <p:nvPr/>
        </p:nvGrpSpPr>
        <p:grpSpPr>
          <a:xfrm>
            <a:off x="5995251" y="2916704"/>
            <a:ext cx="317500" cy="2379517"/>
            <a:chOff x="2801366" y="2731397"/>
            <a:chExt cx="317500" cy="2379517"/>
          </a:xfrm>
          <a:solidFill>
            <a:srgbClr val="000000"/>
          </a:solidFill>
        </p:grpSpPr>
        <p:sp>
          <p:nvSpPr>
            <p:cNvPr id="119" name="직사각형 118"/>
            <p:cNvSpPr/>
            <p:nvPr/>
          </p:nvSpPr>
          <p:spPr>
            <a:xfrm>
              <a:off x="2801366" y="4686332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0" name="직사각형 119"/>
            <p:cNvSpPr/>
            <p:nvPr/>
          </p:nvSpPr>
          <p:spPr>
            <a:xfrm>
              <a:off x="2801366" y="4408384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1" name="직사각형 120"/>
            <p:cNvSpPr/>
            <p:nvPr/>
          </p:nvSpPr>
          <p:spPr>
            <a:xfrm>
              <a:off x="2801366" y="4127110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2" name="직사각형 121"/>
            <p:cNvSpPr/>
            <p:nvPr/>
          </p:nvSpPr>
          <p:spPr>
            <a:xfrm>
              <a:off x="2801366" y="3849162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3" name="직사각형 122"/>
            <p:cNvSpPr/>
            <p:nvPr/>
          </p:nvSpPr>
          <p:spPr>
            <a:xfrm>
              <a:off x="2801366" y="3568825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4" name="직사각형 123"/>
            <p:cNvSpPr/>
            <p:nvPr/>
          </p:nvSpPr>
          <p:spPr>
            <a:xfrm>
              <a:off x="2801366" y="3290877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5" name="직사각형 124"/>
            <p:cNvSpPr/>
            <p:nvPr/>
          </p:nvSpPr>
          <p:spPr>
            <a:xfrm>
              <a:off x="2801366" y="3009345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6" name="직사각형 125"/>
            <p:cNvSpPr/>
            <p:nvPr/>
          </p:nvSpPr>
          <p:spPr>
            <a:xfrm>
              <a:off x="2801366" y="2731397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7" name="직사각형 126"/>
            <p:cNvSpPr/>
            <p:nvPr/>
          </p:nvSpPr>
          <p:spPr>
            <a:xfrm>
              <a:off x="2801366" y="4971214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31" name="그룹 30"/>
          <p:cNvGrpSpPr/>
          <p:nvPr/>
        </p:nvGrpSpPr>
        <p:grpSpPr>
          <a:xfrm>
            <a:off x="5416129" y="1701471"/>
            <a:ext cx="1440000" cy="1440000"/>
            <a:chOff x="5111020" y="1313073"/>
            <a:chExt cx="2015558" cy="2015558"/>
          </a:xfrm>
        </p:grpSpPr>
        <p:sp>
          <p:nvSpPr>
            <p:cNvPr id="30" name="타원 29"/>
            <p:cNvSpPr/>
            <p:nvPr/>
          </p:nvSpPr>
          <p:spPr>
            <a:xfrm>
              <a:off x="5111020" y="1313073"/>
              <a:ext cx="2015558" cy="2015558"/>
            </a:xfrm>
            <a:prstGeom prst="ellipse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pic>
          <p:nvPicPr>
            <p:cNvPr id="27" name="그림 26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3939" t="7109" r="2426" b="9255"/>
            <a:stretch/>
          </p:blipFill>
          <p:spPr>
            <a:xfrm>
              <a:off x="5404424" y="1606477"/>
              <a:ext cx="1428750" cy="1428750"/>
            </a:xfrm>
            <a:prstGeom prst="ellipse">
              <a:avLst/>
            </a:prstGeom>
          </p:spPr>
        </p:pic>
      </p:grpSp>
      <p:grpSp>
        <p:nvGrpSpPr>
          <p:cNvPr id="6" name="그룹 5"/>
          <p:cNvGrpSpPr/>
          <p:nvPr/>
        </p:nvGrpSpPr>
        <p:grpSpPr>
          <a:xfrm>
            <a:off x="4816143" y="5440195"/>
            <a:ext cx="2550285" cy="564025"/>
            <a:chOff x="4816143" y="5440195"/>
            <a:chExt cx="2550285" cy="564025"/>
          </a:xfrm>
        </p:grpSpPr>
        <p:sp>
          <p:nvSpPr>
            <p:cNvPr id="2" name="갈매기형 수장 1"/>
            <p:cNvSpPr/>
            <p:nvPr/>
          </p:nvSpPr>
          <p:spPr>
            <a:xfrm>
              <a:off x="4816143" y="5440195"/>
              <a:ext cx="2550285" cy="559761"/>
            </a:xfrm>
            <a:prstGeom prst="chevron">
              <a:avLst>
                <a:gd name="adj" fmla="val 27982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  <p:sp>
          <p:nvSpPr>
            <p:cNvPr id="140" name="직사각형 139"/>
            <p:cNvSpPr/>
            <p:nvPr/>
          </p:nvSpPr>
          <p:spPr>
            <a:xfrm>
              <a:off x="4816143" y="5445933"/>
              <a:ext cx="2550285" cy="558287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2400" dirty="0" smtClean="0">
                  <a:solidFill>
                    <a:schemeClr val="bg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Programming</a:t>
              </a:r>
              <a:endParaRPr lang="ko-KR" altLang="en-US" sz="2400" dirty="0">
                <a:solidFill>
                  <a:schemeClr val="bg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grpSp>
        <p:nvGrpSpPr>
          <p:cNvPr id="128" name="그룹 127"/>
          <p:cNvGrpSpPr/>
          <p:nvPr/>
        </p:nvGrpSpPr>
        <p:grpSpPr>
          <a:xfrm>
            <a:off x="9011644" y="2916704"/>
            <a:ext cx="317500" cy="2379517"/>
            <a:chOff x="2801366" y="2731397"/>
            <a:chExt cx="317500" cy="2379517"/>
          </a:xfrm>
          <a:solidFill>
            <a:srgbClr val="FAB531"/>
          </a:solidFill>
        </p:grpSpPr>
        <p:sp>
          <p:nvSpPr>
            <p:cNvPr id="129" name="직사각형 128"/>
            <p:cNvSpPr/>
            <p:nvPr/>
          </p:nvSpPr>
          <p:spPr>
            <a:xfrm>
              <a:off x="2801366" y="4686332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0" name="직사각형 129"/>
            <p:cNvSpPr/>
            <p:nvPr/>
          </p:nvSpPr>
          <p:spPr>
            <a:xfrm>
              <a:off x="2801366" y="4408384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1" name="직사각형 130"/>
            <p:cNvSpPr/>
            <p:nvPr/>
          </p:nvSpPr>
          <p:spPr>
            <a:xfrm>
              <a:off x="2801366" y="4127110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2" name="직사각형 131"/>
            <p:cNvSpPr/>
            <p:nvPr/>
          </p:nvSpPr>
          <p:spPr>
            <a:xfrm>
              <a:off x="2801366" y="3849162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3" name="직사각형 132"/>
            <p:cNvSpPr/>
            <p:nvPr/>
          </p:nvSpPr>
          <p:spPr>
            <a:xfrm>
              <a:off x="2801366" y="3568825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4" name="직사각형 133"/>
            <p:cNvSpPr/>
            <p:nvPr/>
          </p:nvSpPr>
          <p:spPr>
            <a:xfrm>
              <a:off x="2801366" y="3290877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5" name="직사각형 134"/>
            <p:cNvSpPr/>
            <p:nvPr/>
          </p:nvSpPr>
          <p:spPr>
            <a:xfrm>
              <a:off x="2801366" y="3009345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6" name="직사각형 135"/>
            <p:cNvSpPr/>
            <p:nvPr/>
          </p:nvSpPr>
          <p:spPr>
            <a:xfrm>
              <a:off x="2801366" y="2731397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7" name="직사각형 136"/>
            <p:cNvSpPr/>
            <p:nvPr/>
          </p:nvSpPr>
          <p:spPr>
            <a:xfrm>
              <a:off x="2801366" y="4971214"/>
              <a:ext cx="317500" cy="1397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pic>
        <p:nvPicPr>
          <p:cNvPr id="29" name="그림 2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50394" y="1701471"/>
            <a:ext cx="1440000" cy="1440000"/>
          </a:xfrm>
          <a:prstGeom prst="ellipse">
            <a:avLst/>
          </a:prstGeom>
        </p:spPr>
      </p:pic>
      <p:grpSp>
        <p:nvGrpSpPr>
          <p:cNvPr id="7" name="그룹 6"/>
          <p:cNvGrpSpPr/>
          <p:nvPr/>
        </p:nvGrpSpPr>
        <p:grpSpPr>
          <a:xfrm>
            <a:off x="7895252" y="5440195"/>
            <a:ext cx="2550285" cy="564024"/>
            <a:chOff x="7895252" y="5440195"/>
            <a:chExt cx="2550285" cy="564024"/>
          </a:xfrm>
        </p:grpSpPr>
        <p:sp>
          <p:nvSpPr>
            <p:cNvPr id="72" name="갈매기형 수장 71"/>
            <p:cNvSpPr/>
            <p:nvPr/>
          </p:nvSpPr>
          <p:spPr>
            <a:xfrm>
              <a:off x="7895252" y="5440195"/>
              <a:ext cx="2550285" cy="559761"/>
            </a:xfrm>
            <a:prstGeom prst="chevron">
              <a:avLst>
                <a:gd name="adj" fmla="val 27982"/>
              </a:avLst>
            </a:prstGeom>
            <a:solidFill>
              <a:srgbClr val="FAB53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  <p:sp>
          <p:nvSpPr>
            <p:cNvPr id="141" name="직사각형 140"/>
            <p:cNvSpPr/>
            <p:nvPr/>
          </p:nvSpPr>
          <p:spPr>
            <a:xfrm>
              <a:off x="7895252" y="5445932"/>
              <a:ext cx="2550285" cy="558287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2400" dirty="0" smtClean="0">
                  <a:solidFill>
                    <a:schemeClr val="bg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Sound</a:t>
              </a:r>
              <a:endParaRPr lang="ko-KR" altLang="en-US" sz="2400" dirty="0">
                <a:solidFill>
                  <a:schemeClr val="bg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sp>
        <p:nvSpPr>
          <p:cNvPr id="14" name="직사각형 13"/>
          <p:cNvSpPr/>
          <p:nvPr/>
        </p:nvSpPr>
        <p:spPr>
          <a:xfrm>
            <a:off x="262295" y="5133014"/>
            <a:ext cx="1474737" cy="1227769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9" name="직사각형 68"/>
          <p:cNvSpPr/>
          <p:nvPr/>
        </p:nvSpPr>
        <p:spPr>
          <a:xfrm>
            <a:off x="0" y="5156521"/>
            <a:ext cx="262293" cy="1227769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1339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5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5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2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2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3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3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300"/>
                            </p:stCondLst>
                            <p:childTnLst>
                              <p:par>
                                <p:cTn id="18" presetID="22" presetClass="entr" presetSubtype="4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0" dur="25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1050"/>
                            </p:stCondLst>
                            <p:childTnLst>
                              <p:par>
                                <p:cTn id="22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4" dur="15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15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6" dur="15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1" dur="250"/>
                                        <p:tgtEl>
                                          <p:spTgt spid="1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250"/>
                            </p:stCondLst>
                            <p:childTnLst>
                              <p:par>
                                <p:cTn id="33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15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15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15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2" dur="250"/>
                                        <p:tgtEl>
                                          <p:spTgt spid="1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250"/>
                            </p:stCondLst>
                            <p:childTnLst>
                              <p:par>
                                <p:cTn id="44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6" dur="15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15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8" dur="1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게임방법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grpSp>
        <p:nvGrpSpPr>
          <p:cNvPr id="66" name="그룹 65"/>
          <p:cNvGrpSpPr/>
          <p:nvPr/>
        </p:nvGrpSpPr>
        <p:grpSpPr>
          <a:xfrm>
            <a:off x="4806938" y="1389077"/>
            <a:ext cx="2447925" cy="4999476"/>
            <a:chOff x="2419349" y="744099"/>
            <a:chExt cx="2447925" cy="4999476"/>
          </a:xfrm>
        </p:grpSpPr>
        <p:sp>
          <p:nvSpPr>
            <p:cNvPr id="67" name="모서리가 둥근 직사각형 66"/>
            <p:cNvSpPr/>
            <p:nvPr/>
          </p:nvSpPr>
          <p:spPr>
            <a:xfrm>
              <a:off x="2419349" y="744099"/>
              <a:ext cx="2447925" cy="4999476"/>
            </a:xfrm>
            <a:prstGeom prst="roundRect">
              <a:avLst>
                <a:gd name="adj" fmla="val 12776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8" name="모서리가 둥근 직사각형 67"/>
            <p:cNvSpPr/>
            <p:nvPr/>
          </p:nvSpPr>
          <p:spPr>
            <a:xfrm>
              <a:off x="2526504" y="1312026"/>
              <a:ext cx="2233614" cy="3880288"/>
            </a:xfrm>
            <a:prstGeom prst="roundRect">
              <a:avLst>
                <a:gd name="adj" fmla="val 2755"/>
              </a:avLst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9" name="타원 68"/>
            <p:cNvSpPr/>
            <p:nvPr/>
          </p:nvSpPr>
          <p:spPr>
            <a:xfrm>
              <a:off x="3462336" y="5286969"/>
              <a:ext cx="361950" cy="36195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70" name="그룹 69"/>
            <p:cNvGrpSpPr/>
            <p:nvPr/>
          </p:nvGrpSpPr>
          <p:grpSpPr>
            <a:xfrm>
              <a:off x="3371522" y="989101"/>
              <a:ext cx="543577" cy="77924"/>
              <a:chOff x="5618347" y="1095705"/>
              <a:chExt cx="543577" cy="77924"/>
            </a:xfrm>
          </p:grpSpPr>
          <p:sp>
            <p:nvSpPr>
              <p:cNvPr id="73" name="타원 72"/>
              <p:cNvSpPr/>
              <p:nvPr/>
            </p:nvSpPr>
            <p:spPr>
              <a:xfrm>
                <a:off x="5618347" y="1095705"/>
                <a:ext cx="77924" cy="77924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74" name="모서리가 둥근 직사각형 73"/>
              <p:cNvSpPr/>
              <p:nvPr/>
            </p:nvSpPr>
            <p:spPr>
              <a:xfrm>
                <a:off x="5810298" y="1111808"/>
                <a:ext cx="351626" cy="45719"/>
              </a:xfrm>
              <a:prstGeom prst="roundRect">
                <a:avLst>
                  <a:gd name="adj" fmla="val 50000"/>
                </a:avLst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  <p:grpSp>
        <p:nvGrpSpPr>
          <p:cNvPr id="75" name="그룹 74"/>
          <p:cNvGrpSpPr/>
          <p:nvPr/>
        </p:nvGrpSpPr>
        <p:grpSpPr>
          <a:xfrm>
            <a:off x="5110571" y="3521180"/>
            <a:ext cx="1858532" cy="735269"/>
            <a:chOff x="2170920" y="1257060"/>
            <a:chExt cx="8548494" cy="3381939"/>
          </a:xfrm>
        </p:grpSpPr>
        <p:grpSp>
          <p:nvGrpSpPr>
            <p:cNvPr id="76" name="그룹 75"/>
            <p:cNvGrpSpPr/>
            <p:nvPr/>
          </p:nvGrpSpPr>
          <p:grpSpPr>
            <a:xfrm rot="900000">
              <a:off x="8793163" y="1257660"/>
              <a:ext cx="974211" cy="1265857"/>
              <a:chOff x="7257648" y="-1267358"/>
              <a:chExt cx="1471903" cy="1912542"/>
            </a:xfrm>
          </p:grpSpPr>
          <p:grpSp>
            <p:nvGrpSpPr>
              <p:cNvPr id="246" name="그룹 245"/>
              <p:cNvGrpSpPr/>
              <p:nvPr/>
            </p:nvGrpSpPr>
            <p:grpSpPr>
              <a:xfrm>
                <a:off x="7257648" y="-216522"/>
                <a:ext cx="1471903" cy="861706"/>
                <a:chOff x="8086181" y="1536469"/>
                <a:chExt cx="1471903" cy="861706"/>
              </a:xfrm>
            </p:grpSpPr>
            <p:grpSp>
              <p:nvGrpSpPr>
                <p:cNvPr id="248" name="그룹 247"/>
                <p:cNvGrpSpPr/>
                <p:nvPr/>
              </p:nvGrpSpPr>
              <p:grpSpPr>
                <a:xfrm>
                  <a:off x="8086181" y="2033107"/>
                  <a:ext cx="1471903" cy="175926"/>
                  <a:chOff x="8086181" y="2033107"/>
                  <a:chExt cx="1471903" cy="175926"/>
                </a:xfrm>
              </p:grpSpPr>
              <p:grpSp>
                <p:nvGrpSpPr>
                  <p:cNvPr id="263" name="그룹 262"/>
                  <p:cNvGrpSpPr/>
                  <p:nvPr/>
                </p:nvGrpSpPr>
                <p:grpSpPr>
                  <a:xfrm rot="20700000">
                    <a:off x="8086181" y="2039785"/>
                    <a:ext cx="376353" cy="169248"/>
                    <a:chOff x="5495925" y="2497650"/>
                    <a:chExt cx="733072" cy="329668"/>
                  </a:xfrm>
                </p:grpSpPr>
                <p:grpSp>
                  <p:nvGrpSpPr>
                    <p:cNvPr id="273" name="그룹 272"/>
                    <p:cNvGrpSpPr/>
                    <p:nvPr/>
                  </p:nvGrpSpPr>
                  <p:grpSpPr>
                    <a:xfrm>
                      <a:off x="5495925" y="2497650"/>
                      <a:ext cx="733072" cy="329668"/>
                      <a:chOff x="5495925" y="2497650"/>
                      <a:chExt cx="733072" cy="329668"/>
                    </a:xfrm>
                  </p:grpSpPr>
                  <p:sp>
                    <p:nvSpPr>
                      <p:cNvPr id="278" name="타원 277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79" name="타원 278"/>
                      <p:cNvSpPr/>
                      <p:nvPr/>
                    </p:nvSpPr>
                    <p:spPr>
                      <a:xfrm>
                        <a:off x="5693570" y="2605952"/>
                        <a:ext cx="491164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80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  <p:grpSp>
                  <p:nvGrpSpPr>
                    <p:cNvPr id="274" name="그룹 273"/>
                    <p:cNvGrpSpPr/>
                    <p:nvPr/>
                  </p:nvGrpSpPr>
                  <p:grpSpPr>
                    <a:xfrm>
                      <a:off x="5533084" y="2519362"/>
                      <a:ext cx="673019" cy="273693"/>
                      <a:chOff x="5495925" y="2497650"/>
                      <a:chExt cx="733072" cy="335244"/>
                    </a:xfrm>
                    <a:solidFill>
                      <a:schemeClr val="accent4">
                        <a:lumMod val="20000"/>
                        <a:lumOff val="80000"/>
                      </a:schemeClr>
                    </a:solidFill>
                  </p:grpSpPr>
                  <p:sp>
                    <p:nvSpPr>
                      <p:cNvPr id="275" name="타원 274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solidFill>
                        <a:srgbClr val="DAE3F3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76" name="타원 275"/>
                      <p:cNvSpPr/>
                      <p:nvPr/>
                    </p:nvSpPr>
                    <p:spPr>
                      <a:xfrm>
                        <a:off x="5688348" y="2611528"/>
                        <a:ext cx="491164" cy="221366"/>
                      </a:xfrm>
                      <a:prstGeom prst="ellipse">
                        <a:avLst/>
                      </a:prstGeom>
                      <a:solidFill>
                        <a:srgbClr val="DAE3F3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77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solidFill>
                        <a:srgbClr val="DAE3F3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</p:grpSp>
              <p:grpSp>
                <p:nvGrpSpPr>
                  <p:cNvPr id="264" name="그룹 263"/>
                  <p:cNvGrpSpPr/>
                  <p:nvPr/>
                </p:nvGrpSpPr>
                <p:grpSpPr>
                  <a:xfrm rot="900000" flipH="1">
                    <a:off x="9181731" y="2033107"/>
                    <a:ext cx="376353" cy="169248"/>
                    <a:chOff x="5495925" y="2497650"/>
                    <a:chExt cx="733072" cy="329668"/>
                  </a:xfrm>
                </p:grpSpPr>
                <p:grpSp>
                  <p:nvGrpSpPr>
                    <p:cNvPr id="265" name="그룹 264"/>
                    <p:cNvGrpSpPr/>
                    <p:nvPr/>
                  </p:nvGrpSpPr>
                  <p:grpSpPr>
                    <a:xfrm>
                      <a:off x="5495925" y="2497650"/>
                      <a:ext cx="733072" cy="329668"/>
                      <a:chOff x="5495925" y="2497650"/>
                      <a:chExt cx="733072" cy="329668"/>
                    </a:xfrm>
                  </p:grpSpPr>
                  <p:sp>
                    <p:nvSpPr>
                      <p:cNvPr id="270" name="타원 269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71" name="타원 270"/>
                      <p:cNvSpPr/>
                      <p:nvPr/>
                    </p:nvSpPr>
                    <p:spPr>
                      <a:xfrm>
                        <a:off x="5693570" y="2605952"/>
                        <a:ext cx="491164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72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  <p:grpSp>
                  <p:nvGrpSpPr>
                    <p:cNvPr id="266" name="그룹 265"/>
                    <p:cNvGrpSpPr/>
                    <p:nvPr/>
                  </p:nvGrpSpPr>
                  <p:grpSpPr>
                    <a:xfrm>
                      <a:off x="5533084" y="2519362"/>
                      <a:ext cx="673019" cy="273693"/>
                      <a:chOff x="5495925" y="2497650"/>
                      <a:chExt cx="733072" cy="335244"/>
                    </a:xfrm>
                    <a:solidFill>
                      <a:schemeClr val="accent4">
                        <a:lumMod val="20000"/>
                        <a:lumOff val="80000"/>
                      </a:schemeClr>
                    </a:solidFill>
                  </p:grpSpPr>
                  <p:sp>
                    <p:nvSpPr>
                      <p:cNvPr id="267" name="타원 266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solidFill>
                        <a:srgbClr val="DAE3F3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 dirty="0"/>
                      </a:p>
                    </p:txBody>
                  </p:sp>
                  <p:sp>
                    <p:nvSpPr>
                      <p:cNvPr id="268" name="타원 267"/>
                      <p:cNvSpPr/>
                      <p:nvPr/>
                    </p:nvSpPr>
                    <p:spPr>
                      <a:xfrm>
                        <a:off x="5688348" y="2611528"/>
                        <a:ext cx="491164" cy="221366"/>
                      </a:xfrm>
                      <a:prstGeom prst="ellipse">
                        <a:avLst/>
                      </a:prstGeom>
                      <a:solidFill>
                        <a:srgbClr val="DAE3F3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 dirty="0"/>
                      </a:p>
                    </p:txBody>
                  </p:sp>
                  <p:sp>
                    <p:nvSpPr>
                      <p:cNvPr id="269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solidFill>
                        <a:srgbClr val="DAE3F3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</p:grpSp>
            </p:grpSp>
            <p:grpSp>
              <p:nvGrpSpPr>
                <p:cNvPr id="249" name="그룹 248"/>
                <p:cNvGrpSpPr/>
                <p:nvPr/>
              </p:nvGrpSpPr>
              <p:grpSpPr>
                <a:xfrm>
                  <a:off x="8343389" y="1536469"/>
                  <a:ext cx="957484" cy="861706"/>
                  <a:chOff x="2933304" y="-314880"/>
                  <a:chExt cx="1085849" cy="977230"/>
                </a:xfrm>
              </p:grpSpPr>
              <p:grpSp>
                <p:nvGrpSpPr>
                  <p:cNvPr id="250" name="그룹 249"/>
                  <p:cNvGrpSpPr/>
                  <p:nvPr/>
                </p:nvGrpSpPr>
                <p:grpSpPr>
                  <a:xfrm>
                    <a:off x="2933304" y="-299241"/>
                    <a:ext cx="1085849" cy="961591"/>
                    <a:chOff x="5633253" y="255673"/>
                    <a:chExt cx="1085850" cy="961592"/>
                  </a:xfrm>
                </p:grpSpPr>
                <p:sp>
                  <p:nvSpPr>
                    <p:cNvPr id="261" name="사다리꼴 65"/>
                    <p:cNvSpPr/>
                    <p:nvPr/>
                  </p:nvSpPr>
                  <p:spPr>
                    <a:xfrm>
                      <a:off x="5633253" y="255673"/>
                      <a:ext cx="1085850" cy="961592"/>
                    </a:xfrm>
                    <a:custGeom>
                      <a:avLst/>
                      <a:gdLst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</a:cxnLst>
                      <a:rect l="l" t="t" r="r" b="b"/>
                      <a:pathLst>
                        <a:path w="1085850" h="961592">
                          <a:moveTo>
                            <a:pt x="0" y="961592"/>
                          </a:moveTo>
                          <a:cubicBezTo>
                            <a:pt x="40445" y="617248"/>
                            <a:pt x="133279" y="320531"/>
                            <a:pt x="292786" y="0"/>
                          </a:cubicBezTo>
                          <a:lnTo>
                            <a:pt x="793064" y="0"/>
                          </a:lnTo>
                          <a:cubicBezTo>
                            <a:pt x="952571" y="306244"/>
                            <a:pt x="1021592" y="641061"/>
                            <a:pt x="1085850" y="961592"/>
                          </a:cubicBezTo>
                          <a:lnTo>
                            <a:pt x="0" y="961592"/>
                          </a:lnTo>
                          <a:close/>
                        </a:path>
                      </a:pathLst>
                    </a:cu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 dirty="0"/>
                    </a:p>
                  </p:txBody>
                </p:sp>
                <p:sp>
                  <p:nvSpPr>
                    <p:cNvPr id="262" name="사다리꼴 65"/>
                    <p:cNvSpPr/>
                    <p:nvPr/>
                  </p:nvSpPr>
                  <p:spPr>
                    <a:xfrm>
                      <a:off x="5660970" y="281000"/>
                      <a:ext cx="1025464" cy="908116"/>
                    </a:xfrm>
                    <a:custGeom>
                      <a:avLst/>
                      <a:gdLst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</a:cxnLst>
                      <a:rect l="l" t="t" r="r" b="b"/>
                      <a:pathLst>
                        <a:path w="1085850" h="961592">
                          <a:moveTo>
                            <a:pt x="0" y="961592"/>
                          </a:moveTo>
                          <a:cubicBezTo>
                            <a:pt x="40445" y="617248"/>
                            <a:pt x="133279" y="320531"/>
                            <a:pt x="292786" y="0"/>
                          </a:cubicBezTo>
                          <a:lnTo>
                            <a:pt x="793064" y="0"/>
                          </a:lnTo>
                          <a:cubicBezTo>
                            <a:pt x="952571" y="306244"/>
                            <a:pt x="1021592" y="641061"/>
                            <a:pt x="1085850" y="961592"/>
                          </a:cubicBezTo>
                          <a:lnTo>
                            <a:pt x="0" y="961592"/>
                          </a:lnTo>
                          <a:close/>
                        </a:path>
                      </a:pathLst>
                    </a:custGeom>
                    <a:solidFill>
                      <a:schemeClr val="bg2">
                        <a:lumMod val="25000"/>
                      </a:schemeClr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 dirty="0"/>
                    </a:p>
                  </p:txBody>
                </p:sp>
              </p:grpSp>
              <p:grpSp>
                <p:nvGrpSpPr>
                  <p:cNvPr id="251" name="그룹 250"/>
                  <p:cNvGrpSpPr/>
                  <p:nvPr/>
                </p:nvGrpSpPr>
                <p:grpSpPr>
                  <a:xfrm>
                    <a:off x="3340498" y="-274668"/>
                    <a:ext cx="271462" cy="251043"/>
                    <a:chOff x="6037971" y="280246"/>
                    <a:chExt cx="271463" cy="251044"/>
                  </a:xfrm>
                </p:grpSpPr>
                <p:sp>
                  <p:nvSpPr>
                    <p:cNvPr id="259" name="이등변 삼각형 258"/>
                    <p:cNvSpPr/>
                    <p:nvPr/>
                  </p:nvSpPr>
                  <p:spPr>
                    <a:xfrm rot="10800000">
                      <a:off x="6037971" y="280623"/>
                      <a:ext cx="271463" cy="250667"/>
                    </a:xfrm>
                    <a:prstGeom prst="triangl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/>
                    </a:p>
                  </p:txBody>
                </p:sp>
                <p:sp>
                  <p:nvSpPr>
                    <p:cNvPr id="260" name="이등변 삼각형 259"/>
                    <p:cNvSpPr/>
                    <p:nvPr/>
                  </p:nvSpPr>
                  <p:spPr>
                    <a:xfrm rot="10800000">
                      <a:off x="6056972" y="280246"/>
                      <a:ext cx="233460" cy="215575"/>
                    </a:xfrm>
                    <a:prstGeom prst="triangle">
                      <a:avLst/>
                    </a:prstGeom>
                    <a:solidFill>
                      <a:srgbClr val="FFFFFF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/>
                    </a:p>
                  </p:txBody>
                </p:sp>
              </p:grpSp>
              <p:grpSp>
                <p:nvGrpSpPr>
                  <p:cNvPr id="252" name="그룹 251"/>
                  <p:cNvGrpSpPr/>
                  <p:nvPr/>
                </p:nvGrpSpPr>
                <p:grpSpPr>
                  <a:xfrm>
                    <a:off x="3308506" y="-314880"/>
                    <a:ext cx="335454" cy="124755"/>
                    <a:chOff x="6010424" y="240034"/>
                    <a:chExt cx="335455" cy="124755"/>
                  </a:xfrm>
                </p:grpSpPr>
                <p:grpSp>
                  <p:nvGrpSpPr>
                    <p:cNvPr id="253" name="그룹 252"/>
                    <p:cNvGrpSpPr/>
                    <p:nvPr/>
                  </p:nvGrpSpPr>
                  <p:grpSpPr>
                    <a:xfrm rot="15300000">
                      <a:off x="6034538" y="215920"/>
                      <a:ext cx="124755" cy="172984"/>
                      <a:chOff x="4785383" y="540544"/>
                      <a:chExt cx="308246" cy="275378"/>
                    </a:xfrm>
                  </p:grpSpPr>
                  <p:sp>
                    <p:nvSpPr>
                      <p:cNvPr id="257" name="이등변 삼각형 256"/>
                      <p:cNvSpPr/>
                      <p:nvPr/>
                    </p:nvSpPr>
                    <p:spPr>
                      <a:xfrm rot="10800000">
                        <a:off x="4785383" y="540544"/>
                        <a:ext cx="308246" cy="275378"/>
                      </a:xfrm>
                      <a:prstGeom prst="triangl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58" name="이등변 삼각형 257"/>
                      <p:cNvSpPr/>
                      <p:nvPr/>
                    </p:nvSpPr>
                    <p:spPr>
                      <a:xfrm rot="10800000">
                        <a:off x="4822776" y="558493"/>
                        <a:ext cx="233460" cy="215575"/>
                      </a:xfrm>
                      <a:prstGeom prst="triangle">
                        <a:avLst/>
                      </a:prstGeom>
                      <a:solidFill>
                        <a:srgbClr val="FFFFFF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  <p:grpSp>
                  <p:nvGrpSpPr>
                    <p:cNvPr id="254" name="그룹 253"/>
                    <p:cNvGrpSpPr/>
                    <p:nvPr/>
                  </p:nvGrpSpPr>
                  <p:grpSpPr>
                    <a:xfrm rot="6300000">
                      <a:off x="6197009" y="215920"/>
                      <a:ext cx="124755" cy="172984"/>
                      <a:chOff x="4785383" y="540544"/>
                      <a:chExt cx="308246" cy="275378"/>
                    </a:xfrm>
                  </p:grpSpPr>
                  <p:sp>
                    <p:nvSpPr>
                      <p:cNvPr id="255" name="이등변 삼각형 254"/>
                      <p:cNvSpPr/>
                      <p:nvPr/>
                    </p:nvSpPr>
                    <p:spPr>
                      <a:xfrm rot="10800000">
                        <a:off x="4785383" y="540544"/>
                        <a:ext cx="308246" cy="275378"/>
                      </a:xfrm>
                      <a:prstGeom prst="triangl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56" name="이등변 삼각형 255"/>
                      <p:cNvSpPr/>
                      <p:nvPr/>
                    </p:nvSpPr>
                    <p:spPr>
                      <a:xfrm rot="10800000">
                        <a:off x="4822776" y="558493"/>
                        <a:ext cx="233460" cy="215575"/>
                      </a:xfrm>
                      <a:prstGeom prst="triangle">
                        <a:avLst/>
                      </a:prstGeom>
                      <a:solidFill>
                        <a:srgbClr val="FFFFFF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</p:grpSp>
            </p:grpSp>
          </p:grpSp>
          <p:pic>
            <p:nvPicPr>
              <p:cNvPr id="247" name="그림 246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359801" y="-1267358"/>
                <a:ext cx="1267596" cy="1121972"/>
              </a:xfrm>
              <a:prstGeom prst="rect">
                <a:avLst/>
              </a:prstGeom>
            </p:spPr>
          </p:pic>
        </p:grpSp>
        <p:grpSp>
          <p:nvGrpSpPr>
            <p:cNvPr id="77" name="그룹 76"/>
            <p:cNvGrpSpPr/>
            <p:nvPr/>
          </p:nvGrpSpPr>
          <p:grpSpPr>
            <a:xfrm rot="20700000">
              <a:off x="2397359" y="1690833"/>
              <a:ext cx="974211" cy="1296889"/>
              <a:chOff x="9605667" y="-1139616"/>
              <a:chExt cx="1471903" cy="1959427"/>
            </a:xfrm>
          </p:grpSpPr>
          <p:grpSp>
            <p:nvGrpSpPr>
              <p:cNvPr id="210" name="그룹 209"/>
              <p:cNvGrpSpPr/>
              <p:nvPr/>
            </p:nvGrpSpPr>
            <p:grpSpPr>
              <a:xfrm>
                <a:off x="9605667" y="-41895"/>
                <a:ext cx="1471903" cy="861706"/>
                <a:chOff x="8086181" y="1536469"/>
                <a:chExt cx="1471903" cy="861706"/>
              </a:xfrm>
            </p:grpSpPr>
            <p:grpSp>
              <p:nvGrpSpPr>
                <p:cNvPr id="212" name="그룹 211"/>
                <p:cNvGrpSpPr/>
                <p:nvPr/>
              </p:nvGrpSpPr>
              <p:grpSpPr>
                <a:xfrm>
                  <a:off x="8086181" y="2033107"/>
                  <a:ext cx="1471903" cy="175926"/>
                  <a:chOff x="8086181" y="2033107"/>
                  <a:chExt cx="1471903" cy="175926"/>
                </a:xfrm>
              </p:grpSpPr>
              <p:grpSp>
                <p:nvGrpSpPr>
                  <p:cNvPr id="227" name="그룹 226"/>
                  <p:cNvGrpSpPr/>
                  <p:nvPr/>
                </p:nvGrpSpPr>
                <p:grpSpPr>
                  <a:xfrm rot="20700000">
                    <a:off x="8086181" y="2039785"/>
                    <a:ext cx="376353" cy="169248"/>
                    <a:chOff x="5495925" y="2497650"/>
                    <a:chExt cx="733072" cy="329668"/>
                  </a:xfrm>
                </p:grpSpPr>
                <p:grpSp>
                  <p:nvGrpSpPr>
                    <p:cNvPr id="237" name="그룹 236"/>
                    <p:cNvGrpSpPr/>
                    <p:nvPr/>
                  </p:nvGrpSpPr>
                  <p:grpSpPr>
                    <a:xfrm>
                      <a:off x="5495925" y="2497650"/>
                      <a:ext cx="733072" cy="329668"/>
                      <a:chOff x="5495925" y="2497650"/>
                      <a:chExt cx="733072" cy="329668"/>
                    </a:xfrm>
                  </p:grpSpPr>
                  <p:sp>
                    <p:nvSpPr>
                      <p:cNvPr id="243" name="타원 242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44" name="타원 243"/>
                      <p:cNvSpPr/>
                      <p:nvPr/>
                    </p:nvSpPr>
                    <p:spPr>
                      <a:xfrm>
                        <a:off x="5693570" y="2605952"/>
                        <a:ext cx="491164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45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  <p:grpSp>
                  <p:nvGrpSpPr>
                    <p:cNvPr id="239" name="그룹 238"/>
                    <p:cNvGrpSpPr/>
                    <p:nvPr/>
                  </p:nvGrpSpPr>
                  <p:grpSpPr>
                    <a:xfrm>
                      <a:off x="5533084" y="2519362"/>
                      <a:ext cx="673019" cy="273693"/>
                      <a:chOff x="5495925" y="2497650"/>
                      <a:chExt cx="733072" cy="335244"/>
                    </a:xfrm>
                    <a:solidFill>
                      <a:schemeClr val="accent4">
                        <a:lumMod val="20000"/>
                        <a:lumOff val="80000"/>
                      </a:schemeClr>
                    </a:solidFill>
                  </p:grpSpPr>
                  <p:sp>
                    <p:nvSpPr>
                      <p:cNvPr id="240" name="타원 239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solidFill>
                        <a:srgbClr val="FBE5D6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41" name="타원 240"/>
                      <p:cNvSpPr/>
                      <p:nvPr/>
                    </p:nvSpPr>
                    <p:spPr>
                      <a:xfrm>
                        <a:off x="5688348" y="2611528"/>
                        <a:ext cx="491164" cy="221366"/>
                      </a:xfrm>
                      <a:prstGeom prst="ellipse">
                        <a:avLst/>
                      </a:prstGeom>
                      <a:solidFill>
                        <a:srgbClr val="FBE5D6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42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solidFill>
                        <a:srgbClr val="FBE5D6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</p:grpSp>
              <p:grpSp>
                <p:nvGrpSpPr>
                  <p:cNvPr id="228" name="그룹 227"/>
                  <p:cNvGrpSpPr/>
                  <p:nvPr/>
                </p:nvGrpSpPr>
                <p:grpSpPr>
                  <a:xfrm rot="900000" flipH="1">
                    <a:off x="9181731" y="2033107"/>
                    <a:ext cx="376353" cy="169248"/>
                    <a:chOff x="5495925" y="2497650"/>
                    <a:chExt cx="733072" cy="329668"/>
                  </a:xfrm>
                </p:grpSpPr>
                <p:grpSp>
                  <p:nvGrpSpPr>
                    <p:cNvPr id="229" name="그룹 228"/>
                    <p:cNvGrpSpPr/>
                    <p:nvPr/>
                  </p:nvGrpSpPr>
                  <p:grpSpPr>
                    <a:xfrm>
                      <a:off x="5495925" y="2497650"/>
                      <a:ext cx="733072" cy="329668"/>
                      <a:chOff x="5495925" y="2497650"/>
                      <a:chExt cx="733072" cy="329668"/>
                    </a:xfrm>
                  </p:grpSpPr>
                  <p:sp>
                    <p:nvSpPr>
                      <p:cNvPr id="234" name="타원 233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35" name="타원 234"/>
                      <p:cNvSpPr/>
                      <p:nvPr/>
                    </p:nvSpPr>
                    <p:spPr>
                      <a:xfrm>
                        <a:off x="5693570" y="2605952"/>
                        <a:ext cx="491164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36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  <p:grpSp>
                  <p:nvGrpSpPr>
                    <p:cNvPr id="230" name="그룹 229"/>
                    <p:cNvGrpSpPr/>
                    <p:nvPr/>
                  </p:nvGrpSpPr>
                  <p:grpSpPr>
                    <a:xfrm>
                      <a:off x="5533084" y="2519362"/>
                      <a:ext cx="673019" cy="273693"/>
                      <a:chOff x="5495925" y="2497650"/>
                      <a:chExt cx="733072" cy="335244"/>
                    </a:xfrm>
                    <a:solidFill>
                      <a:schemeClr val="accent4">
                        <a:lumMod val="20000"/>
                        <a:lumOff val="80000"/>
                      </a:schemeClr>
                    </a:solidFill>
                  </p:grpSpPr>
                  <p:sp>
                    <p:nvSpPr>
                      <p:cNvPr id="231" name="타원 230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solidFill>
                        <a:srgbClr val="FBE5D6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 dirty="0"/>
                      </a:p>
                    </p:txBody>
                  </p:sp>
                  <p:sp>
                    <p:nvSpPr>
                      <p:cNvPr id="232" name="타원 231"/>
                      <p:cNvSpPr/>
                      <p:nvPr/>
                    </p:nvSpPr>
                    <p:spPr>
                      <a:xfrm>
                        <a:off x="5688348" y="2611528"/>
                        <a:ext cx="491164" cy="221366"/>
                      </a:xfrm>
                      <a:prstGeom prst="ellipse">
                        <a:avLst/>
                      </a:prstGeom>
                      <a:solidFill>
                        <a:srgbClr val="FBE5D6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 dirty="0"/>
                      </a:p>
                    </p:txBody>
                  </p:sp>
                  <p:sp>
                    <p:nvSpPr>
                      <p:cNvPr id="233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solidFill>
                        <a:srgbClr val="FBE5D6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</p:grpSp>
            </p:grpSp>
            <p:grpSp>
              <p:nvGrpSpPr>
                <p:cNvPr id="213" name="그룹 212"/>
                <p:cNvGrpSpPr/>
                <p:nvPr/>
              </p:nvGrpSpPr>
              <p:grpSpPr>
                <a:xfrm>
                  <a:off x="8343389" y="1536469"/>
                  <a:ext cx="957484" cy="861706"/>
                  <a:chOff x="2933304" y="-314880"/>
                  <a:chExt cx="1085849" cy="977230"/>
                </a:xfrm>
              </p:grpSpPr>
              <p:grpSp>
                <p:nvGrpSpPr>
                  <p:cNvPr id="214" name="그룹 213"/>
                  <p:cNvGrpSpPr/>
                  <p:nvPr/>
                </p:nvGrpSpPr>
                <p:grpSpPr>
                  <a:xfrm>
                    <a:off x="2933304" y="-299241"/>
                    <a:ext cx="1085849" cy="961591"/>
                    <a:chOff x="5633253" y="255673"/>
                    <a:chExt cx="1085850" cy="961592"/>
                  </a:xfrm>
                </p:grpSpPr>
                <p:sp>
                  <p:nvSpPr>
                    <p:cNvPr id="225" name="사다리꼴 65"/>
                    <p:cNvSpPr/>
                    <p:nvPr/>
                  </p:nvSpPr>
                  <p:spPr>
                    <a:xfrm>
                      <a:off x="5633253" y="255673"/>
                      <a:ext cx="1085850" cy="961592"/>
                    </a:xfrm>
                    <a:custGeom>
                      <a:avLst/>
                      <a:gdLst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</a:cxnLst>
                      <a:rect l="l" t="t" r="r" b="b"/>
                      <a:pathLst>
                        <a:path w="1085850" h="961592">
                          <a:moveTo>
                            <a:pt x="0" y="961592"/>
                          </a:moveTo>
                          <a:cubicBezTo>
                            <a:pt x="40445" y="617248"/>
                            <a:pt x="133279" y="320531"/>
                            <a:pt x="292786" y="0"/>
                          </a:cubicBezTo>
                          <a:lnTo>
                            <a:pt x="793064" y="0"/>
                          </a:lnTo>
                          <a:cubicBezTo>
                            <a:pt x="952571" y="306244"/>
                            <a:pt x="1021592" y="641061"/>
                            <a:pt x="1085850" y="961592"/>
                          </a:cubicBezTo>
                          <a:lnTo>
                            <a:pt x="0" y="961592"/>
                          </a:lnTo>
                          <a:close/>
                        </a:path>
                      </a:pathLst>
                    </a:cu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 dirty="0"/>
                    </a:p>
                  </p:txBody>
                </p:sp>
                <p:sp>
                  <p:nvSpPr>
                    <p:cNvPr id="226" name="사다리꼴 65"/>
                    <p:cNvSpPr/>
                    <p:nvPr/>
                  </p:nvSpPr>
                  <p:spPr>
                    <a:xfrm>
                      <a:off x="5660970" y="281000"/>
                      <a:ext cx="1025464" cy="908116"/>
                    </a:xfrm>
                    <a:custGeom>
                      <a:avLst/>
                      <a:gdLst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</a:cxnLst>
                      <a:rect l="l" t="t" r="r" b="b"/>
                      <a:pathLst>
                        <a:path w="1085850" h="961592">
                          <a:moveTo>
                            <a:pt x="0" y="961592"/>
                          </a:moveTo>
                          <a:cubicBezTo>
                            <a:pt x="40445" y="617248"/>
                            <a:pt x="133279" y="320531"/>
                            <a:pt x="292786" y="0"/>
                          </a:cubicBezTo>
                          <a:lnTo>
                            <a:pt x="793064" y="0"/>
                          </a:lnTo>
                          <a:cubicBezTo>
                            <a:pt x="952571" y="306244"/>
                            <a:pt x="1021592" y="641061"/>
                            <a:pt x="1085850" y="961592"/>
                          </a:cubicBezTo>
                          <a:lnTo>
                            <a:pt x="0" y="961592"/>
                          </a:lnTo>
                          <a:close/>
                        </a:path>
                      </a:pathLst>
                    </a:custGeom>
                    <a:solidFill>
                      <a:schemeClr val="bg2">
                        <a:lumMod val="25000"/>
                      </a:schemeClr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 dirty="0"/>
                    </a:p>
                  </p:txBody>
                </p:sp>
              </p:grpSp>
              <p:grpSp>
                <p:nvGrpSpPr>
                  <p:cNvPr id="215" name="그룹 214"/>
                  <p:cNvGrpSpPr/>
                  <p:nvPr/>
                </p:nvGrpSpPr>
                <p:grpSpPr>
                  <a:xfrm>
                    <a:off x="3340498" y="-274668"/>
                    <a:ext cx="271462" cy="251043"/>
                    <a:chOff x="6037971" y="280246"/>
                    <a:chExt cx="271463" cy="251044"/>
                  </a:xfrm>
                </p:grpSpPr>
                <p:sp>
                  <p:nvSpPr>
                    <p:cNvPr id="223" name="이등변 삼각형 222"/>
                    <p:cNvSpPr/>
                    <p:nvPr/>
                  </p:nvSpPr>
                  <p:spPr>
                    <a:xfrm rot="10800000">
                      <a:off x="6037971" y="280623"/>
                      <a:ext cx="271463" cy="250667"/>
                    </a:xfrm>
                    <a:prstGeom prst="triangl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/>
                    </a:p>
                  </p:txBody>
                </p:sp>
                <p:sp>
                  <p:nvSpPr>
                    <p:cNvPr id="224" name="이등변 삼각형 223"/>
                    <p:cNvSpPr/>
                    <p:nvPr/>
                  </p:nvSpPr>
                  <p:spPr>
                    <a:xfrm rot="10800000">
                      <a:off x="6056972" y="280246"/>
                      <a:ext cx="233460" cy="215575"/>
                    </a:xfrm>
                    <a:prstGeom prst="triangle">
                      <a:avLst/>
                    </a:prstGeom>
                    <a:solidFill>
                      <a:srgbClr val="FFFFFF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/>
                    </a:p>
                  </p:txBody>
                </p:sp>
              </p:grpSp>
              <p:grpSp>
                <p:nvGrpSpPr>
                  <p:cNvPr id="216" name="그룹 215"/>
                  <p:cNvGrpSpPr/>
                  <p:nvPr/>
                </p:nvGrpSpPr>
                <p:grpSpPr>
                  <a:xfrm>
                    <a:off x="3308506" y="-314880"/>
                    <a:ext cx="335454" cy="124755"/>
                    <a:chOff x="6010424" y="240034"/>
                    <a:chExt cx="335455" cy="124755"/>
                  </a:xfrm>
                </p:grpSpPr>
                <p:grpSp>
                  <p:nvGrpSpPr>
                    <p:cNvPr id="217" name="그룹 216"/>
                    <p:cNvGrpSpPr/>
                    <p:nvPr/>
                  </p:nvGrpSpPr>
                  <p:grpSpPr>
                    <a:xfrm rot="15300000">
                      <a:off x="6034538" y="215920"/>
                      <a:ext cx="124755" cy="172984"/>
                      <a:chOff x="4785383" y="540544"/>
                      <a:chExt cx="308246" cy="275378"/>
                    </a:xfrm>
                  </p:grpSpPr>
                  <p:sp>
                    <p:nvSpPr>
                      <p:cNvPr id="221" name="이등변 삼각형 220"/>
                      <p:cNvSpPr/>
                      <p:nvPr/>
                    </p:nvSpPr>
                    <p:spPr>
                      <a:xfrm rot="10800000">
                        <a:off x="4785383" y="540544"/>
                        <a:ext cx="308246" cy="275378"/>
                      </a:xfrm>
                      <a:prstGeom prst="triangl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22" name="이등변 삼각형 221"/>
                      <p:cNvSpPr/>
                      <p:nvPr/>
                    </p:nvSpPr>
                    <p:spPr>
                      <a:xfrm rot="10800000">
                        <a:off x="4822776" y="558493"/>
                        <a:ext cx="233460" cy="215575"/>
                      </a:xfrm>
                      <a:prstGeom prst="triangle">
                        <a:avLst/>
                      </a:prstGeom>
                      <a:solidFill>
                        <a:srgbClr val="FFFFFF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  <p:grpSp>
                  <p:nvGrpSpPr>
                    <p:cNvPr id="218" name="그룹 217"/>
                    <p:cNvGrpSpPr/>
                    <p:nvPr/>
                  </p:nvGrpSpPr>
                  <p:grpSpPr>
                    <a:xfrm rot="6300000">
                      <a:off x="6197009" y="215920"/>
                      <a:ext cx="124755" cy="172984"/>
                      <a:chOff x="4785383" y="540544"/>
                      <a:chExt cx="308246" cy="275378"/>
                    </a:xfrm>
                  </p:grpSpPr>
                  <p:sp>
                    <p:nvSpPr>
                      <p:cNvPr id="219" name="이등변 삼각형 218"/>
                      <p:cNvSpPr/>
                      <p:nvPr/>
                    </p:nvSpPr>
                    <p:spPr>
                      <a:xfrm rot="10800000">
                        <a:off x="4785383" y="540544"/>
                        <a:ext cx="308246" cy="275378"/>
                      </a:xfrm>
                      <a:prstGeom prst="triangl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20" name="이등변 삼각형 219"/>
                      <p:cNvSpPr/>
                      <p:nvPr/>
                    </p:nvSpPr>
                    <p:spPr>
                      <a:xfrm rot="10800000">
                        <a:off x="4822776" y="558493"/>
                        <a:ext cx="233460" cy="215575"/>
                      </a:xfrm>
                      <a:prstGeom prst="triangle">
                        <a:avLst/>
                      </a:prstGeom>
                      <a:solidFill>
                        <a:srgbClr val="FFFFFF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</p:grpSp>
            </p:grpSp>
          </p:grpSp>
          <p:pic>
            <p:nvPicPr>
              <p:cNvPr id="211" name="그림 210"/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9811990" y="-1139616"/>
                <a:ext cx="1059257" cy="1175256"/>
              </a:xfrm>
              <a:prstGeom prst="rect">
                <a:avLst/>
              </a:prstGeom>
            </p:spPr>
          </p:pic>
        </p:grpSp>
        <p:grpSp>
          <p:nvGrpSpPr>
            <p:cNvPr id="78" name="그룹 77"/>
            <p:cNvGrpSpPr/>
            <p:nvPr/>
          </p:nvGrpSpPr>
          <p:grpSpPr>
            <a:xfrm rot="900000">
              <a:off x="5397695" y="1460135"/>
              <a:ext cx="992136" cy="1268983"/>
              <a:chOff x="4328100" y="-1083356"/>
              <a:chExt cx="1498986" cy="1917264"/>
            </a:xfrm>
          </p:grpSpPr>
          <p:grpSp>
            <p:nvGrpSpPr>
              <p:cNvPr id="174" name="그룹 173"/>
              <p:cNvGrpSpPr/>
              <p:nvPr/>
            </p:nvGrpSpPr>
            <p:grpSpPr>
              <a:xfrm>
                <a:off x="4341642" y="-27798"/>
                <a:ext cx="1471903" cy="861706"/>
                <a:chOff x="8086181" y="1536469"/>
                <a:chExt cx="1471903" cy="861706"/>
              </a:xfrm>
            </p:grpSpPr>
            <p:grpSp>
              <p:nvGrpSpPr>
                <p:cNvPr id="176" name="그룹 175"/>
                <p:cNvGrpSpPr/>
                <p:nvPr/>
              </p:nvGrpSpPr>
              <p:grpSpPr>
                <a:xfrm>
                  <a:off x="8086181" y="2033107"/>
                  <a:ext cx="1471903" cy="175926"/>
                  <a:chOff x="8086181" y="2033107"/>
                  <a:chExt cx="1471903" cy="175926"/>
                </a:xfrm>
              </p:grpSpPr>
              <p:grpSp>
                <p:nvGrpSpPr>
                  <p:cNvPr id="192" name="그룹 191"/>
                  <p:cNvGrpSpPr/>
                  <p:nvPr/>
                </p:nvGrpSpPr>
                <p:grpSpPr>
                  <a:xfrm rot="20700000">
                    <a:off x="8086181" y="2039785"/>
                    <a:ext cx="376353" cy="169248"/>
                    <a:chOff x="5495925" y="2497650"/>
                    <a:chExt cx="733072" cy="329668"/>
                  </a:xfrm>
                </p:grpSpPr>
                <p:grpSp>
                  <p:nvGrpSpPr>
                    <p:cNvPr id="202" name="그룹 201"/>
                    <p:cNvGrpSpPr/>
                    <p:nvPr/>
                  </p:nvGrpSpPr>
                  <p:grpSpPr>
                    <a:xfrm>
                      <a:off x="5495925" y="2497650"/>
                      <a:ext cx="733072" cy="329668"/>
                      <a:chOff x="5495925" y="2497650"/>
                      <a:chExt cx="733072" cy="329668"/>
                    </a:xfrm>
                  </p:grpSpPr>
                  <p:sp>
                    <p:nvSpPr>
                      <p:cNvPr id="207" name="타원 206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08" name="타원 207"/>
                      <p:cNvSpPr/>
                      <p:nvPr/>
                    </p:nvSpPr>
                    <p:spPr>
                      <a:xfrm>
                        <a:off x="5693570" y="2605952"/>
                        <a:ext cx="491164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09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  <p:grpSp>
                  <p:nvGrpSpPr>
                    <p:cNvPr id="203" name="그룹 202"/>
                    <p:cNvGrpSpPr/>
                    <p:nvPr/>
                  </p:nvGrpSpPr>
                  <p:grpSpPr>
                    <a:xfrm>
                      <a:off x="5533084" y="2519362"/>
                      <a:ext cx="673019" cy="273693"/>
                      <a:chOff x="5495925" y="2497650"/>
                      <a:chExt cx="733072" cy="335244"/>
                    </a:xfrm>
                    <a:solidFill>
                      <a:schemeClr val="accent4">
                        <a:lumMod val="20000"/>
                        <a:lumOff val="80000"/>
                      </a:schemeClr>
                    </a:solidFill>
                  </p:grpSpPr>
                  <p:sp>
                    <p:nvSpPr>
                      <p:cNvPr id="204" name="타원 203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grpFill/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05" name="타원 204"/>
                      <p:cNvSpPr/>
                      <p:nvPr/>
                    </p:nvSpPr>
                    <p:spPr>
                      <a:xfrm>
                        <a:off x="5688348" y="2611528"/>
                        <a:ext cx="491164" cy="221366"/>
                      </a:xfrm>
                      <a:prstGeom prst="ellipse">
                        <a:avLst/>
                      </a:prstGeom>
                      <a:grpFill/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06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grpFill/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</p:grpSp>
              <p:grpSp>
                <p:nvGrpSpPr>
                  <p:cNvPr id="193" name="그룹 192"/>
                  <p:cNvGrpSpPr/>
                  <p:nvPr/>
                </p:nvGrpSpPr>
                <p:grpSpPr>
                  <a:xfrm rot="900000" flipH="1">
                    <a:off x="9181731" y="2033107"/>
                    <a:ext cx="376353" cy="169248"/>
                    <a:chOff x="5495925" y="2497650"/>
                    <a:chExt cx="733072" cy="329668"/>
                  </a:xfrm>
                </p:grpSpPr>
                <p:grpSp>
                  <p:nvGrpSpPr>
                    <p:cNvPr id="194" name="그룹 193"/>
                    <p:cNvGrpSpPr/>
                    <p:nvPr/>
                  </p:nvGrpSpPr>
                  <p:grpSpPr>
                    <a:xfrm>
                      <a:off x="5495925" y="2497650"/>
                      <a:ext cx="733072" cy="329668"/>
                      <a:chOff x="5495925" y="2497650"/>
                      <a:chExt cx="733072" cy="329668"/>
                    </a:xfrm>
                  </p:grpSpPr>
                  <p:sp>
                    <p:nvSpPr>
                      <p:cNvPr id="199" name="타원 198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00" name="타원 199"/>
                      <p:cNvSpPr/>
                      <p:nvPr/>
                    </p:nvSpPr>
                    <p:spPr>
                      <a:xfrm>
                        <a:off x="5693570" y="2605952"/>
                        <a:ext cx="491164" cy="221366"/>
                      </a:xfrm>
                      <a:prstGeom prst="ellips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201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  <p:grpSp>
                  <p:nvGrpSpPr>
                    <p:cNvPr id="195" name="그룹 194"/>
                    <p:cNvGrpSpPr/>
                    <p:nvPr/>
                  </p:nvGrpSpPr>
                  <p:grpSpPr>
                    <a:xfrm>
                      <a:off x="5533084" y="2519362"/>
                      <a:ext cx="673019" cy="273693"/>
                      <a:chOff x="5495925" y="2497650"/>
                      <a:chExt cx="733072" cy="335244"/>
                    </a:xfrm>
                    <a:solidFill>
                      <a:schemeClr val="accent4">
                        <a:lumMod val="20000"/>
                        <a:lumOff val="80000"/>
                      </a:schemeClr>
                    </a:solidFill>
                  </p:grpSpPr>
                  <p:sp>
                    <p:nvSpPr>
                      <p:cNvPr id="196" name="타원 195"/>
                      <p:cNvSpPr/>
                      <p:nvPr/>
                    </p:nvSpPr>
                    <p:spPr>
                      <a:xfrm>
                        <a:off x="5495925" y="2497650"/>
                        <a:ext cx="661987" cy="221366"/>
                      </a:xfrm>
                      <a:prstGeom prst="ellipse">
                        <a:avLst/>
                      </a:prstGeom>
                      <a:grpFill/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 dirty="0"/>
                      </a:p>
                    </p:txBody>
                  </p:sp>
                  <p:sp>
                    <p:nvSpPr>
                      <p:cNvPr id="197" name="타원 196"/>
                      <p:cNvSpPr/>
                      <p:nvPr/>
                    </p:nvSpPr>
                    <p:spPr>
                      <a:xfrm>
                        <a:off x="5688348" y="2611528"/>
                        <a:ext cx="491164" cy="221366"/>
                      </a:xfrm>
                      <a:prstGeom prst="ellipse">
                        <a:avLst/>
                      </a:prstGeom>
                      <a:grpFill/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 dirty="0"/>
                      </a:p>
                    </p:txBody>
                  </p:sp>
                  <p:sp>
                    <p:nvSpPr>
                      <p:cNvPr id="198" name="타원 17"/>
                      <p:cNvSpPr/>
                      <p:nvPr/>
                    </p:nvSpPr>
                    <p:spPr>
                      <a:xfrm rot="16200000">
                        <a:off x="5967921" y="2550163"/>
                        <a:ext cx="284734" cy="237419"/>
                      </a:xfrm>
                      <a:custGeom>
                        <a:avLst/>
                        <a:gdLst>
                          <a:gd name="connsiteX0" fmla="*/ 0 w 491164"/>
                          <a:gd name="connsiteY0" fmla="*/ 211039 h 422077"/>
                          <a:gd name="connsiteX1" fmla="*/ 245582 w 491164"/>
                          <a:gd name="connsiteY1" fmla="*/ 0 h 422077"/>
                          <a:gd name="connsiteX2" fmla="*/ 491164 w 491164"/>
                          <a:gd name="connsiteY2" fmla="*/ 211039 h 422077"/>
                          <a:gd name="connsiteX3" fmla="*/ 245582 w 491164"/>
                          <a:gd name="connsiteY3" fmla="*/ 422078 h 422077"/>
                          <a:gd name="connsiteX4" fmla="*/ 0 w 491164"/>
                          <a:gd name="connsiteY4" fmla="*/ 211039 h 422077"/>
                          <a:gd name="connsiteX0" fmla="*/ 0 w 497990"/>
                          <a:gd name="connsiteY0" fmla="*/ 26380 h 237419"/>
                          <a:gd name="connsiteX1" fmla="*/ 491164 w 497990"/>
                          <a:gd name="connsiteY1" fmla="*/ 26380 h 237419"/>
                          <a:gd name="connsiteX2" fmla="*/ 245582 w 497990"/>
                          <a:gd name="connsiteY2" fmla="*/ 237419 h 237419"/>
                          <a:gd name="connsiteX3" fmla="*/ 0 w 497990"/>
                          <a:gd name="connsiteY3" fmla="*/ 26380 h 237419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</a:cxnLst>
                        <a:rect l="l" t="t" r="r" b="b"/>
                        <a:pathLst>
                          <a:path w="497990" h="237419">
                            <a:moveTo>
                              <a:pt x="0" y="26380"/>
                            </a:moveTo>
                            <a:cubicBezTo>
                              <a:pt x="40930" y="-8793"/>
                              <a:pt x="450234" y="-8793"/>
                              <a:pt x="491164" y="26380"/>
                            </a:cubicBezTo>
                            <a:cubicBezTo>
                              <a:pt x="532094" y="61553"/>
                              <a:pt x="381213" y="237419"/>
                              <a:pt x="245582" y="237419"/>
                            </a:cubicBezTo>
                            <a:cubicBezTo>
                              <a:pt x="109951" y="237419"/>
                              <a:pt x="0" y="142934"/>
                              <a:pt x="0" y="26380"/>
                            </a:cubicBezTo>
                            <a:close/>
                          </a:path>
                        </a:pathLst>
                      </a:custGeom>
                      <a:grpFill/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</p:grpSp>
            </p:grpSp>
            <p:grpSp>
              <p:nvGrpSpPr>
                <p:cNvPr id="177" name="그룹 176"/>
                <p:cNvGrpSpPr/>
                <p:nvPr/>
              </p:nvGrpSpPr>
              <p:grpSpPr>
                <a:xfrm>
                  <a:off x="8343389" y="1536469"/>
                  <a:ext cx="957484" cy="861706"/>
                  <a:chOff x="2933304" y="-314880"/>
                  <a:chExt cx="1085849" cy="977230"/>
                </a:xfrm>
              </p:grpSpPr>
              <p:grpSp>
                <p:nvGrpSpPr>
                  <p:cNvPr id="178" name="그룹 177"/>
                  <p:cNvGrpSpPr/>
                  <p:nvPr/>
                </p:nvGrpSpPr>
                <p:grpSpPr>
                  <a:xfrm>
                    <a:off x="2933304" y="-299241"/>
                    <a:ext cx="1085849" cy="961591"/>
                    <a:chOff x="5633253" y="255673"/>
                    <a:chExt cx="1085850" cy="961592"/>
                  </a:xfrm>
                </p:grpSpPr>
                <p:sp>
                  <p:nvSpPr>
                    <p:cNvPr id="190" name="사다리꼴 65"/>
                    <p:cNvSpPr/>
                    <p:nvPr/>
                  </p:nvSpPr>
                  <p:spPr>
                    <a:xfrm>
                      <a:off x="5633253" y="255673"/>
                      <a:ext cx="1085850" cy="961592"/>
                    </a:xfrm>
                    <a:custGeom>
                      <a:avLst/>
                      <a:gdLst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</a:cxnLst>
                      <a:rect l="l" t="t" r="r" b="b"/>
                      <a:pathLst>
                        <a:path w="1085850" h="961592">
                          <a:moveTo>
                            <a:pt x="0" y="961592"/>
                          </a:moveTo>
                          <a:cubicBezTo>
                            <a:pt x="40445" y="617248"/>
                            <a:pt x="133279" y="320531"/>
                            <a:pt x="292786" y="0"/>
                          </a:cubicBezTo>
                          <a:lnTo>
                            <a:pt x="793064" y="0"/>
                          </a:lnTo>
                          <a:cubicBezTo>
                            <a:pt x="952571" y="306244"/>
                            <a:pt x="1021592" y="641061"/>
                            <a:pt x="1085850" y="961592"/>
                          </a:cubicBezTo>
                          <a:lnTo>
                            <a:pt x="0" y="961592"/>
                          </a:lnTo>
                          <a:close/>
                        </a:path>
                      </a:pathLst>
                    </a:cu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 dirty="0"/>
                    </a:p>
                  </p:txBody>
                </p:sp>
                <p:sp>
                  <p:nvSpPr>
                    <p:cNvPr id="191" name="사다리꼴 65"/>
                    <p:cNvSpPr/>
                    <p:nvPr/>
                  </p:nvSpPr>
                  <p:spPr>
                    <a:xfrm>
                      <a:off x="5660970" y="281000"/>
                      <a:ext cx="1025464" cy="908116"/>
                    </a:xfrm>
                    <a:custGeom>
                      <a:avLst/>
                      <a:gdLst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  <a:gd name="connsiteX0" fmla="*/ 0 w 1085850"/>
                        <a:gd name="connsiteY0" fmla="*/ 961592 h 961592"/>
                        <a:gd name="connsiteX1" fmla="*/ 292786 w 1085850"/>
                        <a:gd name="connsiteY1" fmla="*/ 0 h 961592"/>
                        <a:gd name="connsiteX2" fmla="*/ 793064 w 1085850"/>
                        <a:gd name="connsiteY2" fmla="*/ 0 h 961592"/>
                        <a:gd name="connsiteX3" fmla="*/ 1085850 w 1085850"/>
                        <a:gd name="connsiteY3" fmla="*/ 961592 h 961592"/>
                        <a:gd name="connsiteX4" fmla="*/ 0 w 1085850"/>
                        <a:gd name="connsiteY4" fmla="*/ 961592 h 961592"/>
                      </a:gdLst>
                      <a:ahLst/>
                      <a:cxnLst>
                        <a:cxn ang="0">
                          <a:pos x="connsiteX0" y="connsiteY0"/>
                        </a:cxn>
                        <a:cxn ang="0">
                          <a:pos x="connsiteX1" y="connsiteY1"/>
                        </a:cxn>
                        <a:cxn ang="0">
                          <a:pos x="connsiteX2" y="connsiteY2"/>
                        </a:cxn>
                        <a:cxn ang="0">
                          <a:pos x="connsiteX3" y="connsiteY3"/>
                        </a:cxn>
                        <a:cxn ang="0">
                          <a:pos x="connsiteX4" y="connsiteY4"/>
                        </a:cxn>
                      </a:cxnLst>
                      <a:rect l="l" t="t" r="r" b="b"/>
                      <a:pathLst>
                        <a:path w="1085850" h="961592">
                          <a:moveTo>
                            <a:pt x="0" y="961592"/>
                          </a:moveTo>
                          <a:cubicBezTo>
                            <a:pt x="40445" y="617248"/>
                            <a:pt x="133279" y="320531"/>
                            <a:pt x="292786" y="0"/>
                          </a:cubicBezTo>
                          <a:lnTo>
                            <a:pt x="793064" y="0"/>
                          </a:lnTo>
                          <a:cubicBezTo>
                            <a:pt x="952571" y="306244"/>
                            <a:pt x="1021592" y="641061"/>
                            <a:pt x="1085850" y="961592"/>
                          </a:cubicBezTo>
                          <a:lnTo>
                            <a:pt x="0" y="961592"/>
                          </a:lnTo>
                          <a:close/>
                        </a:path>
                      </a:pathLst>
                    </a:custGeom>
                    <a:solidFill>
                      <a:schemeClr val="bg2">
                        <a:lumMod val="25000"/>
                      </a:schemeClr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 dirty="0"/>
                    </a:p>
                  </p:txBody>
                </p:sp>
              </p:grpSp>
              <p:grpSp>
                <p:nvGrpSpPr>
                  <p:cNvPr id="179" name="그룹 178"/>
                  <p:cNvGrpSpPr/>
                  <p:nvPr/>
                </p:nvGrpSpPr>
                <p:grpSpPr>
                  <a:xfrm>
                    <a:off x="3340498" y="-274668"/>
                    <a:ext cx="271462" cy="251043"/>
                    <a:chOff x="6037971" y="280246"/>
                    <a:chExt cx="271463" cy="251044"/>
                  </a:xfrm>
                </p:grpSpPr>
                <p:sp>
                  <p:nvSpPr>
                    <p:cNvPr id="188" name="이등변 삼각형 187"/>
                    <p:cNvSpPr/>
                    <p:nvPr/>
                  </p:nvSpPr>
                  <p:spPr>
                    <a:xfrm rot="10800000">
                      <a:off x="6037971" y="280623"/>
                      <a:ext cx="271463" cy="250667"/>
                    </a:xfrm>
                    <a:prstGeom prst="triangle">
                      <a:avLst/>
                    </a:prstGeom>
                    <a:solidFill>
                      <a:schemeClr val="tx1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/>
                    </a:p>
                  </p:txBody>
                </p:sp>
                <p:sp>
                  <p:nvSpPr>
                    <p:cNvPr id="189" name="이등변 삼각형 188"/>
                    <p:cNvSpPr/>
                    <p:nvPr/>
                  </p:nvSpPr>
                  <p:spPr>
                    <a:xfrm rot="10800000">
                      <a:off x="6056972" y="280246"/>
                      <a:ext cx="233460" cy="215575"/>
                    </a:xfrm>
                    <a:prstGeom prst="triangle">
                      <a:avLst/>
                    </a:prstGeom>
                    <a:solidFill>
                      <a:srgbClr val="FFFFFF"/>
                    </a:solidFill>
                    <a:ln>
                      <a:noFill/>
                    </a:ln>
                  </p:spPr>
                  <p:style>
                    <a:lnRef idx="2">
                      <a:schemeClr val="accent1">
                        <a:shade val="50000"/>
                      </a:schemeClr>
                    </a:lnRef>
                    <a:fillRef idx="1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ko-KR" altLang="en-US" sz="100"/>
                    </a:p>
                  </p:txBody>
                </p:sp>
              </p:grpSp>
              <p:grpSp>
                <p:nvGrpSpPr>
                  <p:cNvPr id="180" name="그룹 179"/>
                  <p:cNvGrpSpPr/>
                  <p:nvPr/>
                </p:nvGrpSpPr>
                <p:grpSpPr>
                  <a:xfrm>
                    <a:off x="3308506" y="-314880"/>
                    <a:ext cx="335454" cy="124755"/>
                    <a:chOff x="6010424" y="240034"/>
                    <a:chExt cx="335455" cy="124755"/>
                  </a:xfrm>
                </p:grpSpPr>
                <p:grpSp>
                  <p:nvGrpSpPr>
                    <p:cNvPr id="182" name="그룹 181"/>
                    <p:cNvGrpSpPr/>
                    <p:nvPr/>
                  </p:nvGrpSpPr>
                  <p:grpSpPr>
                    <a:xfrm rot="15300000">
                      <a:off x="6034538" y="215920"/>
                      <a:ext cx="124755" cy="172984"/>
                      <a:chOff x="4785383" y="540544"/>
                      <a:chExt cx="308246" cy="275378"/>
                    </a:xfrm>
                  </p:grpSpPr>
                  <p:sp>
                    <p:nvSpPr>
                      <p:cNvPr id="186" name="이등변 삼각형 185"/>
                      <p:cNvSpPr/>
                      <p:nvPr/>
                    </p:nvSpPr>
                    <p:spPr>
                      <a:xfrm rot="10800000">
                        <a:off x="4785383" y="540544"/>
                        <a:ext cx="308246" cy="275378"/>
                      </a:xfrm>
                      <a:prstGeom prst="triangl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187" name="이등변 삼각형 186"/>
                      <p:cNvSpPr/>
                      <p:nvPr/>
                    </p:nvSpPr>
                    <p:spPr>
                      <a:xfrm rot="10800000">
                        <a:off x="4822776" y="558493"/>
                        <a:ext cx="233460" cy="215575"/>
                      </a:xfrm>
                      <a:prstGeom prst="triangle">
                        <a:avLst/>
                      </a:prstGeom>
                      <a:solidFill>
                        <a:srgbClr val="FFFFFF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  <p:grpSp>
                  <p:nvGrpSpPr>
                    <p:cNvPr id="183" name="그룹 182"/>
                    <p:cNvGrpSpPr/>
                    <p:nvPr/>
                  </p:nvGrpSpPr>
                  <p:grpSpPr>
                    <a:xfrm rot="6300000">
                      <a:off x="6197009" y="215920"/>
                      <a:ext cx="124755" cy="172984"/>
                      <a:chOff x="4785383" y="540544"/>
                      <a:chExt cx="308246" cy="275378"/>
                    </a:xfrm>
                  </p:grpSpPr>
                  <p:sp>
                    <p:nvSpPr>
                      <p:cNvPr id="184" name="이등변 삼각형 183"/>
                      <p:cNvSpPr/>
                      <p:nvPr/>
                    </p:nvSpPr>
                    <p:spPr>
                      <a:xfrm rot="10800000">
                        <a:off x="4785383" y="540544"/>
                        <a:ext cx="308246" cy="275378"/>
                      </a:xfrm>
                      <a:prstGeom prst="triangle">
                        <a:avLst/>
                      </a:prstGeom>
                      <a:solidFill>
                        <a:schemeClr val="tx1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  <p:sp>
                    <p:nvSpPr>
                      <p:cNvPr id="185" name="이등변 삼각형 184"/>
                      <p:cNvSpPr/>
                      <p:nvPr/>
                    </p:nvSpPr>
                    <p:spPr>
                      <a:xfrm rot="10800000">
                        <a:off x="4822776" y="558493"/>
                        <a:ext cx="233460" cy="215575"/>
                      </a:xfrm>
                      <a:prstGeom prst="triangle">
                        <a:avLst/>
                      </a:prstGeom>
                      <a:solidFill>
                        <a:srgbClr val="FFFFFF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ko-KR" altLang="en-US" sz="100"/>
                      </a:p>
                    </p:txBody>
                  </p:sp>
                </p:grpSp>
              </p:grpSp>
            </p:grpSp>
          </p:grpSp>
          <p:pic>
            <p:nvPicPr>
              <p:cNvPr id="175" name="그림 174"/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4328100" y="-1083356"/>
                <a:ext cx="1498986" cy="1332833"/>
              </a:xfrm>
              <a:prstGeom prst="rect">
                <a:avLst/>
              </a:prstGeom>
            </p:spPr>
          </p:pic>
        </p:grpSp>
        <p:grpSp>
          <p:nvGrpSpPr>
            <p:cNvPr id="79" name="그룹 78"/>
            <p:cNvGrpSpPr/>
            <p:nvPr/>
          </p:nvGrpSpPr>
          <p:grpSpPr>
            <a:xfrm rot="1800000">
              <a:off x="8943412" y="1584969"/>
              <a:ext cx="1776002" cy="2587622"/>
              <a:chOff x="5728117" y="1253438"/>
              <a:chExt cx="1776002" cy="2587622"/>
            </a:xfrm>
          </p:grpSpPr>
          <p:grpSp>
            <p:nvGrpSpPr>
              <p:cNvPr id="168" name="그룹 167"/>
              <p:cNvGrpSpPr/>
              <p:nvPr/>
            </p:nvGrpSpPr>
            <p:grpSpPr>
              <a:xfrm rot="12600000">
                <a:off x="6077356" y="1253438"/>
                <a:ext cx="764347" cy="2587622"/>
                <a:chOff x="1198521" y="2481672"/>
                <a:chExt cx="632111" cy="2139950"/>
              </a:xfrm>
              <a:solidFill>
                <a:schemeClr val="tx1"/>
              </a:solidFill>
            </p:grpSpPr>
            <p:sp>
              <p:nvSpPr>
                <p:cNvPr id="172" name="이등변 삼각형 212"/>
                <p:cNvSpPr/>
                <p:nvPr/>
              </p:nvSpPr>
              <p:spPr>
                <a:xfrm>
                  <a:off x="1504647" y="248167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  <p:sp>
              <p:nvSpPr>
                <p:cNvPr id="173" name="이등변 삼각형 212"/>
                <p:cNvSpPr/>
                <p:nvPr/>
              </p:nvSpPr>
              <p:spPr>
                <a:xfrm flipH="1">
                  <a:off x="1198521" y="248167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</p:grpSp>
          <p:grpSp>
            <p:nvGrpSpPr>
              <p:cNvPr id="169" name="그룹 168"/>
              <p:cNvGrpSpPr/>
              <p:nvPr/>
            </p:nvGrpSpPr>
            <p:grpSpPr>
              <a:xfrm rot="3600000">
                <a:off x="6387207" y="1369168"/>
                <a:ext cx="457822" cy="1776002"/>
                <a:chOff x="4550170" y="2380968"/>
                <a:chExt cx="591098" cy="2293014"/>
              </a:xfrm>
            </p:grpSpPr>
            <p:sp>
              <p:nvSpPr>
                <p:cNvPr id="170" name="이등변 삼각형 212"/>
                <p:cNvSpPr/>
                <p:nvPr/>
              </p:nvSpPr>
              <p:spPr>
                <a:xfrm rot="9000000">
                  <a:off x="4550170" y="253403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solidFill>
                  <a:srgbClr val="8F45C7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  <p:sp>
              <p:nvSpPr>
                <p:cNvPr id="171" name="이등변 삼각형 212"/>
                <p:cNvSpPr/>
                <p:nvPr/>
              </p:nvSpPr>
              <p:spPr>
                <a:xfrm rot="9000000" flipH="1">
                  <a:off x="4815283" y="2380968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solidFill>
                  <a:srgbClr val="8F45C7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</p:grpSp>
        </p:grpSp>
        <p:grpSp>
          <p:nvGrpSpPr>
            <p:cNvPr id="81" name="그룹 80"/>
            <p:cNvGrpSpPr/>
            <p:nvPr/>
          </p:nvGrpSpPr>
          <p:grpSpPr>
            <a:xfrm rot="19800000">
              <a:off x="4542942" y="1257060"/>
              <a:ext cx="764347" cy="2587622"/>
              <a:chOff x="5423123" y="1110130"/>
              <a:chExt cx="764347" cy="2587622"/>
            </a:xfrm>
          </p:grpSpPr>
          <p:grpSp>
            <p:nvGrpSpPr>
              <p:cNvPr id="162" name="그룹 161"/>
              <p:cNvGrpSpPr/>
              <p:nvPr/>
            </p:nvGrpSpPr>
            <p:grpSpPr>
              <a:xfrm rot="10800000">
                <a:off x="5423123" y="1110130"/>
                <a:ext cx="764347" cy="2587622"/>
                <a:chOff x="1198521" y="2481672"/>
                <a:chExt cx="632111" cy="2139950"/>
              </a:xfrm>
              <a:solidFill>
                <a:schemeClr val="tx1"/>
              </a:solidFill>
            </p:grpSpPr>
            <p:sp>
              <p:nvSpPr>
                <p:cNvPr id="166" name="이등변 삼각형 212"/>
                <p:cNvSpPr/>
                <p:nvPr/>
              </p:nvSpPr>
              <p:spPr>
                <a:xfrm>
                  <a:off x="1504647" y="248167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  <p:sp>
              <p:nvSpPr>
                <p:cNvPr id="167" name="이등변 삼각형 212"/>
                <p:cNvSpPr/>
                <p:nvPr/>
              </p:nvSpPr>
              <p:spPr>
                <a:xfrm flipH="1">
                  <a:off x="1198521" y="248167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</p:grpSp>
          <p:grpSp>
            <p:nvGrpSpPr>
              <p:cNvPr id="163" name="그룹 162"/>
              <p:cNvGrpSpPr/>
              <p:nvPr/>
            </p:nvGrpSpPr>
            <p:grpSpPr>
              <a:xfrm rot="1800000">
                <a:off x="5581091" y="1244526"/>
                <a:ext cx="457820" cy="1776001"/>
                <a:chOff x="4550170" y="2380969"/>
                <a:chExt cx="591097" cy="2293013"/>
              </a:xfrm>
            </p:grpSpPr>
            <p:sp>
              <p:nvSpPr>
                <p:cNvPr id="164" name="이등변 삼각형 212"/>
                <p:cNvSpPr/>
                <p:nvPr/>
              </p:nvSpPr>
              <p:spPr>
                <a:xfrm rot="9000000">
                  <a:off x="4550170" y="253403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solidFill>
                  <a:srgbClr val="FFEF13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  <p:sp>
              <p:nvSpPr>
                <p:cNvPr id="165" name="이등변 삼각형 212"/>
                <p:cNvSpPr/>
                <p:nvPr/>
              </p:nvSpPr>
              <p:spPr>
                <a:xfrm rot="9000000" flipH="1">
                  <a:off x="4815282" y="2380969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solidFill>
                  <a:srgbClr val="FFEF13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</p:grpSp>
        </p:grpSp>
        <p:grpSp>
          <p:nvGrpSpPr>
            <p:cNvPr id="82" name="그룹 81"/>
            <p:cNvGrpSpPr/>
            <p:nvPr/>
          </p:nvGrpSpPr>
          <p:grpSpPr>
            <a:xfrm rot="20700000">
              <a:off x="6346056" y="1370511"/>
              <a:ext cx="1776002" cy="2587622"/>
              <a:chOff x="5728117" y="1253438"/>
              <a:chExt cx="1776002" cy="2587622"/>
            </a:xfrm>
          </p:grpSpPr>
          <p:grpSp>
            <p:nvGrpSpPr>
              <p:cNvPr id="156" name="그룹 155"/>
              <p:cNvGrpSpPr/>
              <p:nvPr/>
            </p:nvGrpSpPr>
            <p:grpSpPr>
              <a:xfrm rot="12600000">
                <a:off x="6077356" y="1253438"/>
                <a:ext cx="764347" cy="2587622"/>
                <a:chOff x="1198521" y="2481672"/>
                <a:chExt cx="632111" cy="2139950"/>
              </a:xfrm>
              <a:solidFill>
                <a:schemeClr val="tx1"/>
              </a:solidFill>
            </p:grpSpPr>
            <p:sp>
              <p:nvSpPr>
                <p:cNvPr id="160" name="이등변 삼각형 212"/>
                <p:cNvSpPr/>
                <p:nvPr/>
              </p:nvSpPr>
              <p:spPr>
                <a:xfrm>
                  <a:off x="1504647" y="248167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  <p:sp>
              <p:nvSpPr>
                <p:cNvPr id="161" name="이등변 삼각형 212"/>
                <p:cNvSpPr/>
                <p:nvPr/>
              </p:nvSpPr>
              <p:spPr>
                <a:xfrm flipH="1">
                  <a:off x="1198521" y="248167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</p:grpSp>
          <p:grpSp>
            <p:nvGrpSpPr>
              <p:cNvPr id="157" name="그룹 156"/>
              <p:cNvGrpSpPr/>
              <p:nvPr/>
            </p:nvGrpSpPr>
            <p:grpSpPr>
              <a:xfrm rot="3600000">
                <a:off x="6387207" y="1369168"/>
                <a:ext cx="457822" cy="1776002"/>
                <a:chOff x="4550170" y="2380968"/>
                <a:chExt cx="591098" cy="2293014"/>
              </a:xfrm>
            </p:grpSpPr>
            <p:sp>
              <p:nvSpPr>
                <p:cNvPr id="158" name="이등변 삼각형 212"/>
                <p:cNvSpPr/>
                <p:nvPr/>
              </p:nvSpPr>
              <p:spPr>
                <a:xfrm rot="9000000">
                  <a:off x="4550170" y="253403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solidFill>
                  <a:srgbClr val="0665A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  <p:sp>
              <p:nvSpPr>
                <p:cNvPr id="159" name="이등변 삼각형 212"/>
                <p:cNvSpPr/>
                <p:nvPr/>
              </p:nvSpPr>
              <p:spPr>
                <a:xfrm rot="9000000" flipH="1">
                  <a:off x="4815283" y="2380968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solidFill>
                  <a:srgbClr val="0665A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</p:grpSp>
        </p:grpSp>
        <p:grpSp>
          <p:nvGrpSpPr>
            <p:cNvPr id="83" name="그룹 82"/>
            <p:cNvGrpSpPr/>
            <p:nvPr/>
          </p:nvGrpSpPr>
          <p:grpSpPr>
            <a:xfrm rot="19800000">
              <a:off x="2656262" y="1916562"/>
              <a:ext cx="773255" cy="2587622"/>
              <a:chOff x="4769996" y="1272130"/>
              <a:chExt cx="773255" cy="2587622"/>
            </a:xfrm>
          </p:grpSpPr>
          <p:grpSp>
            <p:nvGrpSpPr>
              <p:cNvPr id="150" name="그룹 149"/>
              <p:cNvGrpSpPr/>
              <p:nvPr/>
            </p:nvGrpSpPr>
            <p:grpSpPr>
              <a:xfrm rot="9000000">
                <a:off x="4778904" y="1272130"/>
                <a:ext cx="764347" cy="2587622"/>
                <a:chOff x="1198521" y="2481672"/>
                <a:chExt cx="632111" cy="2139950"/>
              </a:xfrm>
              <a:solidFill>
                <a:schemeClr val="tx1"/>
              </a:solidFill>
            </p:grpSpPr>
            <p:sp>
              <p:nvSpPr>
                <p:cNvPr id="154" name="이등변 삼각형 212"/>
                <p:cNvSpPr/>
                <p:nvPr/>
              </p:nvSpPr>
              <p:spPr>
                <a:xfrm>
                  <a:off x="1504647" y="248167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  <p:sp>
              <p:nvSpPr>
                <p:cNvPr id="155" name="이등변 삼각형 212"/>
                <p:cNvSpPr/>
                <p:nvPr/>
              </p:nvSpPr>
              <p:spPr>
                <a:xfrm flipH="1">
                  <a:off x="1198521" y="248167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</p:grpSp>
          <p:grpSp>
            <p:nvGrpSpPr>
              <p:cNvPr id="151" name="그룹 150"/>
              <p:cNvGrpSpPr/>
              <p:nvPr/>
            </p:nvGrpSpPr>
            <p:grpSpPr>
              <a:xfrm>
                <a:off x="4769996" y="1387172"/>
                <a:ext cx="457820" cy="1776001"/>
                <a:chOff x="4550170" y="2380969"/>
                <a:chExt cx="591097" cy="2293013"/>
              </a:xfrm>
            </p:grpSpPr>
            <p:sp>
              <p:nvSpPr>
                <p:cNvPr id="152" name="이등변 삼각형 212"/>
                <p:cNvSpPr/>
                <p:nvPr/>
              </p:nvSpPr>
              <p:spPr>
                <a:xfrm rot="9000000">
                  <a:off x="4550170" y="2534032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solidFill>
                  <a:srgbClr val="E3312E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  <p:sp>
              <p:nvSpPr>
                <p:cNvPr id="153" name="이등변 삼각형 212"/>
                <p:cNvSpPr/>
                <p:nvPr/>
              </p:nvSpPr>
              <p:spPr>
                <a:xfrm rot="9000000" flipH="1">
                  <a:off x="4815282" y="2380969"/>
                  <a:ext cx="325985" cy="2139950"/>
                </a:xfrm>
                <a:custGeom>
                  <a:avLst/>
                  <a:gdLst>
                    <a:gd name="connsiteX0" fmla="*/ 0 w 628650"/>
                    <a:gd name="connsiteY0" fmla="*/ 1879600 h 1879600"/>
                    <a:gd name="connsiteX1" fmla="*/ 314325 w 628650"/>
                    <a:gd name="connsiteY1" fmla="*/ 0 h 1879600"/>
                    <a:gd name="connsiteX2" fmla="*/ 628650 w 628650"/>
                    <a:gd name="connsiteY2" fmla="*/ 1879600 h 1879600"/>
                    <a:gd name="connsiteX3" fmla="*/ 0 w 628650"/>
                    <a:gd name="connsiteY3" fmla="*/ 1879600 h 1879600"/>
                    <a:gd name="connsiteX0" fmla="*/ 0 w 628650"/>
                    <a:gd name="connsiteY0" fmla="*/ 1879600 h 2139950"/>
                    <a:gd name="connsiteX1" fmla="*/ 314325 w 628650"/>
                    <a:gd name="connsiteY1" fmla="*/ 0 h 2139950"/>
                    <a:gd name="connsiteX2" fmla="*/ 628650 w 628650"/>
                    <a:gd name="connsiteY2" fmla="*/ 1879600 h 2139950"/>
                    <a:gd name="connsiteX3" fmla="*/ 304800 w 628650"/>
                    <a:gd name="connsiteY3" fmla="*/ 2139950 h 2139950"/>
                    <a:gd name="connsiteX4" fmla="*/ 0 w 628650"/>
                    <a:gd name="connsiteY4" fmla="*/ 1879600 h 2139950"/>
                    <a:gd name="connsiteX0" fmla="*/ 0 w 630785"/>
                    <a:gd name="connsiteY0" fmla="*/ 1879600 h 2139950"/>
                    <a:gd name="connsiteX1" fmla="*/ 314325 w 630785"/>
                    <a:gd name="connsiteY1" fmla="*/ 0 h 2139950"/>
                    <a:gd name="connsiteX2" fmla="*/ 628650 w 630785"/>
                    <a:gd name="connsiteY2" fmla="*/ 1879600 h 2139950"/>
                    <a:gd name="connsiteX3" fmla="*/ 304800 w 630785"/>
                    <a:gd name="connsiteY3" fmla="*/ 2139950 h 2139950"/>
                    <a:gd name="connsiteX4" fmla="*/ 0 w 630785"/>
                    <a:gd name="connsiteY4" fmla="*/ 1879600 h 2139950"/>
                    <a:gd name="connsiteX0" fmla="*/ 0 w 325985"/>
                    <a:gd name="connsiteY0" fmla="*/ 2139950 h 2139950"/>
                    <a:gd name="connsiteX1" fmla="*/ 9525 w 325985"/>
                    <a:gd name="connsiteY1" fmla="*/ 0 h 2139950"/>
                    <a:gd name="connsiteX2" fmla="*/ 323850 w 325985"/>
                    <a:gd name="connsiteY2" fmla="*/ 1879600 h 2139950"/>
                    <a:gd name="connsiteX3" fmla="*/ 0 w 325985"/>
                    <a:gd name="connsiteY3" fmla="*/ 2139950 h 21399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25985" h="2139950">
                      <a:moveTo>
                        <a:pt x="0" y="2139950"/>
                      </a:moveTo>
                      <a:lnTo>
                        <a:pt x="9525" y="0"/>
                      </a:lnTo>
                      <a:lnTo>
                        <a:pt x="323850" y="1879600"/>
                      </a:lnTo>
                      <a:cubicBezTo>
                        <a:pt x="351367" y="2120900"/>
                        <a:pt x="105833" y="2139950"/>
                        <a:pt x="0" y="2139950"/>
                      </a:cubicBezTo>
                      <a:close/>
                    </a:path>
                  </a:pathLst>
                </a:custGeom>
                <a:solidFill>
                  <a:srgbClr val="E3312E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 dirty="0"/>
                </a:p>
              </p:txBody>
            </p:sp>
          </p:grpSp>
        </p:grpSp>
        <p:grpSp>
          <p:nvGrpSpPr>
            <p:cNvPr id="84" name="그룹 83"/>
            <p:cNvGrpSpPr/>
            <p:nvPr/>
          </p:nvGrpSpPr>
          <p:grpSpPr>
            <a:xfrm>
              <a:off x="3643439" y="2333541"/>
              <a:ext cx="546618" cy="546618"/>
              <a:chOff x="5691516" y="909638"/>
              <a:chExt cx="248551" cy="248551"/>
            </a:xfrm>
          </p:grpSpPr>
          <p:sp>
            <p:nvSpPr>
              <p:cNvPr id="139" name="타원 138"/>
              <p:cNvSpPr/>
              <p:nvPr/>
            </p:nvSpPr>
            <p:spPr>
              <a:xfrm>
                <a:off x="5691516" y="909638"/>
                <a:ext cx="248551" cy="248551"/>
              </a:xfrm>
              <a:prstGeom prst="ellipse">
                <a:avLst/>
              </a:pr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100"/>
              </a:p>
            </p:txBody>
          </p:sp>
          <p:grpSp>
            <p:nvGrpSpPr>
              <p:cNvPr id="142" name="그룹 141"/>
              <p:cNvGrpSpPr/>
              <p:nvPr/>
            </p:nvGrpSpPr>
            <p:grpSpPr>
              <a:xfrm rot="19800000">
                <a:off x="5721316" y="964148"/>
                <a:ext cx="188949" cy="139531"/>
                <a:chOff x="5704686" y="6045460"/>
                <a:chExt cx="2515206" cy="1857376"/>
              </a:xfrm>
            </p:grpSpPr>
            <p:sp>
              <p:nvSpPr>
                <p:cNvPr id="143" name="타원 142"/>
                <p:cNvSpPr/>
                <p:nvPr/>
              </p:nvSpPr>
              <p:spPr>
                <a:xfrm rot="1180503">
                  <a:off x="5704686" y="6045461"/>
                  <a:ext cx="1123710" cy="1857375"/>
                </a:xfrm>
                <a:prstGeom prst="ellipse">
                  <a:avLst/>
                </a:prstGeom>
                <a:solidFill>
                  <a:srgbClr val="FFF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/>
                </a:p>
              </p:txBody>
            </p:sp>
            <p:sp>
              <p:nvSpPr>
                <p:cNvPr id="144" name="타원 143"/>
                <p:cNvSpPr/>
                <p:nvPr/>
              </p:nvSpPr>
              <p:spPr>
                <a:xfrm rot="1180503">
                  <a:off x="5886112" y="6232967"/>
                  <a:ext cx="760858" cy="1482362"/>
                </a:xfrm>
                <a:prstGeom prst="ellipse">
                  <a:avLst/>
                </a:prstGeom>
                <a:solidFill>
                  <a:srgbClr val="181717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/>
                </a:p>
              </p:txBody>
            </p:sp>
            <p:sp>
              <p:nvSpPr>
                <p:cNvPr id="145" name="타원 144"/>
                <p:cNvSpPr/>
                <p:nvPr/>
              </p:nvSpPr>
              <p:spPr>
                <a:xfrm>
                  <a:off x="6098503" y="7331050"/>
                  <a:ext cx="208519" cy="208519"/>
                </a:xfrm>
                <a:prstGeom prst="ellipse">
                  <a:avLst/>
                </a:prstGeom>
                <a:solidFill>
                  <a:srgbClr val="FFF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/>
                </a:p>
              </p:txBody>
            </p:sp>
            <p:sp>
              <p:nvSpPr>
                <p:cNvPr id="146" name="타원 145"/>
                <p:cNvSpPr/>
                <p:nvPr/>
              </p:nvSpPr>
              <p:spPr>
                <a:xfrm rot="1180503">
                  <a:off x="7096182" y="6045460"/>
                  <a:ext cx="1123710" cy="1857375"/>
                </a:xfrm>
                <a:prstGeom prst="ellipse">
                  <a:avLst/>
                </a:prstGeom>
                <a:solidFill>
                  <a:srgbClr val="FFF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/>
                </a:p>
              </p:txBody>
            </p:sp>
            <p:sp>
              <p:nvSpPr>
                <p:cNvPr id="147" name="타원 146"/>
                <p:cNvSpPr/>
                <p:nvPr/>
              </p:nvSpPr>
              <p:spPr>
                <a:xfrm rot="1180503">
                  <a:off x="7277608" y="6232966"/>
                  <a:ext cx="760858" cy="1482362"/>
                </a:xfrm>
                <a:prstGeom prst="ellipse">
                  <a:avLst/>
                </a:prstGeom>
                <a:solidFill>
                  <a:srgbClr val="181717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/>
                </a:p>
              </p:txBody>
            </p:sp>
            <p:sp>
              <p:nvSpPr>
                <p:cNvPr id="148" name="타원 147"/>
                <p:cNvSpPr/>
                <p:nvPr/>
              </p:nvSpPr>
              <p:spPr>
                <a:xfrm>
                  <a:off x="7430468" y="7278662"/>
                  <a:ext cx="208519" cy="208519"/>
                </a:xfrm>
                <a:prstGeom prst="ellipse">
                  <a:avLst/>
                </a:prstGeom>
                <a:solidFill>
                  <a:srgbClr val="FFF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/>
                </a:p>
              </p:txBody>
            </p:sp>
            <p:sp>
              <p:nvSpPr>
                <p:cNvPr id="149" name="막힌 원호 148"/>
                <p:cNvSpPr/>
                <p:nvPr/>
              </p:nvSpPr>
              <p:spPr>
                <a:xfrm rot="11700000">
                  <a:off x="6518387" y="7098280"/>
                  <a:ext cx="777801" cy="777801"/>
                </a:xfrm>
                <a:prstGeom prst="blockArc">
                  <a:avLst>
                    <a:gd name="adj1" fmla="val 10800000"/>
                    <a:gd name="adj2" fmla="val 555000"/>
                    <a:gd name="adj3" fmla="val 20829"/>
                  </a:avLst>
                </a:prstGeom>
                <a:solidFill>
                  <a:srgbClr val="FFF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>
                    <a:solidFill>
                      <a:schemeClr val="tx1"/>
                    </a:solidFill>
                  </a:endParaRPr>
                </a:p>
              </p:txBody>
            </p:sp>
          </p:grpSp>
        </p:grpSp>
        <p:sp>
          <p:nvSpPr>
            <p:cNvPr id="86" name="타원 85"/>
            <p:cNvSpPr/>
            <p:nvPr/>
          </p:nvSpPr>
          <p:spPr>
            <a:xfrm>
              <a:off x="6273064" y="2349375"/>
              <a:ext cx="1813560" cy="1813560"/>
            </a:xfrm>
            <a:prstGeom prst="ellipse">
              <a:avLst/>
            </a:prstGeom>
            <a:solidFill>
              <a:srgbClr val="25437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87" name="타원 86"/>
            <p:cNvSpPr/>
            <p:nvPr/>
          </p:nvSpPr>
          <p:spPr>
            <a:xfrm>
              <a:off x="4967460" y="2459679"/>
              <a:ext cx="1813560" cy="1813560"/>
            </a:xfrm>
            <a:prstGeom prst="ellipse">
              <a:avLst/>
            </a:prstGeom>
            <a:solidFill>
              <a:srgbClr val="456A2C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88" name="타원 87"/>
            <p:cNvSpPr/>
            <p:nvPr/>
          </p:nvSpPr>
          <p:spPr>
            <a:xfrm>
              <a:off x="2170920" y="2459679"/>
              <a:ext cx="1813560" cy="1813560"/>
            </a:xfrm>
            <a:prstGeom prst="ellipse">
              <a:avLst/>
            </a:prstGeom>
            <a:solidFill>
              <a:srgbClr val="8E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90" name="타원 89"/>
            <p:cNvSpPr/>
            <p:nvPr/>
          </p:nvSpPr>
          <p:spPr>
            <a:xfrm>
              <a:off x="3016740" y="2825439"/>
              <a:ext cx="1813560" cy="1813560"/>
            </a:xfrm>
            <a:prstGeom prst="ellipse">
              <a:avLst/>
            </a:prstGeom>
            <a:solidFill>
              <a:srgbClr val="D762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91" name="타원 90"/>
            <p:cNvSpPr/>
            <p:nvPr/>
          </p:nvSpPr>
          <p:spPr>
            <a:xfrm>
              <a:off x="4060680" y="1971999"/>
              <a:ext cx="1813560" cy="1813560"/>
            </a:xfrm>
            <a:prstGeom prst="ellipse">
              <a:avLst/>
            </a:prstGeom>
            <a:solidFill>
              <a:srgbClr val="D2C3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92" name="타원 91"/>
            <p:cNvSpPr/>
            <p:nvPr/>
          </p:nvSpPr>
          <p:spPr>
            <a:xfrm>
              <a:off x="2284915" y="2573674"/>
              <a:ext cx="1585570" cy="158557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97" name="타원 96"/>
            <p:cNvSpPr/>
            <p:nvPr/>
          </p:nvSpPr>
          <p:spPr>
            <a:xfrm>
              <a:off x="3130735" y="2939434"/>
              <a:ext cx="1585570" cy="158557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98" name="타원 97"/>
            <p:cNvSpPr/>
            <p:nvPr/>
          </p:nvSpPr>
          <p:spPr>
            <a:xfrm>
              <a:off x="4174675" y="2089652"/>
              <a:ext cx="1585570" cy="158557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99" name="타원 98"/>
            <p:cNvSpPr/>
            <p:nvPr/>
          </p:nvSpPr>
          <p:spPr>
            <a:xfrm>
              <a:off x="5081455" y="2577332"/>
              <a:ext cx="1585570" cy="158557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100" name="직사각형 99"/>
            <p:cNvSpPr/>
            <p:nvPr/>
          </p:nvSpPr>
          <p:spPr>
            <a:xfrm rot="900000">
              <a:off x="2565756" y="2815589"/>
              <a:ext cx="802978" cy="100314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dirty="0">
                  <a:solidFill>
                    <a:srgbClr val="C00000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리</a:t>
              </a:r>
              <a:endParaRPr lang="ko-KR" altLang="en-US" sz="1600" dirty="0">
                <a:solidFill>
                  <a:srgbClr val="C00000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101" name="직사각형 100"/>
            <p:cNvSpPr/>
            <p:nvPr/>
          </p:nvSpPr>
          <p:spPr>
            <a:xfrm>
              <a:off x="3540791" y="3255640"/>
              <a:ext cx="802978" cy="100314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dirty="0" err="1" smtClean="0">
                  <a:solidFill>
                    <a:schemeClr val="accent2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듬</a:t>
              </a:r>
              <a:endParaRPr lang="ko-KR" altLang="en-US" sz="1600" dirty="0">
                <a:solidFill>
                  <a:schemeClr val="accent2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102" name="직사각형 101"/>
            <p:cNvSpPr/>
            <p:nvPr/>
          </p:nvSpPr>
          <p:spPr>
            <a:xfrm rot="20700000">
              <a:off x="4570778" y="2380865"/>
              <a:ext cx="802978" cy="100314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dirty="0">
                  <a:solidFill>
                    <a:srgbClr val="DECE00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세</a:t>
              </a:r>
              <a:endParaRPr lang="ko-KR" altLang="en-US" sz="1600" dirty="0">
                <a:solidFill>
                  <a:srgbClr val="DECE00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103" name="타원 102"/>
            <p:cNvSpPr/>
            <p:nvPr/>
          </p:nvSpPr>
          <p:spPr>
            <a:xfrm>
              <a:off x="7447988" y="1689053"/>
              <a:ext cx="1813560" cy="1813560"/>
            </a:xfrm>
            <a:prstGeom prst="ellipse">
              <a:avLst/>
            </a:prstGeom>
            <a:solidFill>
              <a:srgbClr val="121F3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104" name="타원 103"/>
            <p:cNvSpPr/>
            <p:nvPr/>
          </p:nvSpPr>
          <p:spPr>
            <a:xfrm>
              <a:off x="8635116" y="2145412"/>
              <a:ext cx="1813560" cy="1813560"/>
            </a:xfrm>
            <a:prstGeom prst="ellipse">
              <a:avLst/>
            </a:prstGeom>
            <a:solidFill>
              <a:srgbClr val="55257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105" name="타원 104"/>
            <p:cNvSpPr/>
            <p:nvPr/>
          </p:nvSpPr>
          <p:spPr>
            <a:xfrm>
              <a:off x="7561983" y="1803048"/>
              <a:ext cx="1585570" cy="158557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106" name="타원 105"/>
            <p:cNvSpPr/>
            <p:nvPr/>
          </p:nvSpPr>
          <p:spPr>
            <a:xfrm>
              <a:off x="8749111" y="2259407"/>
              <a:ext cx="1585570" cy="158557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107" name="타원 106"/>
            <p:cNvSpPr/>
            <p:nvPr/>
          </p:nvSpPr>
          <p:spPr>
            <a:xfrm>
              <a:off x="6387059" y="2463370"/>
              <a:ext cx="1585570" cy="158557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00"/>
            </a:p>
          </p:txBody>
        </p:sp>
        <p:sp>
          <p:nvSpPr>
            <p:cNvPr id="108" name="직사각형 107"/>
            <p:cNvSpPr/>
            <p:nvPr/>
          </p:nvSpPr>
          <p:spPr>
            <a:xfrm rot="20700000">
              <a:off x="6744202" y="2792991"/>
              <a:ext cx="802978" cy="100314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dirty="0">
                  <a:solidFill>
                    <a:schemeClr val="accent5">
                      <a:lumMod val="75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애</a:t>
              </a:r>
              <a:endParaRPr lang="ko-KR" altLang="en-US" sz="1600" dirty="0">
                <a:solidFill>
                  <a:schemeClr val="accent5">
                    <a:lumMod val="75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109" name="직사각형 108"/>
            <p:cNvSpPr/>
            <p:nvPr/>
          </p:nvSpPr>
          <p:spPr>
            <a:xfrm>
              <a:off x="7903377" y="2141884"/>
              <a:ext cx="802978" cy="100314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dirty="0" err="1" smtClean="0">
                  <a:solidFill>
                    <a:schemeClr val="accent5">
                      <a:lumMod val="5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니</a:t>
              </a:r>
              <a:endParaRPr lang="ko-KR" altLang="en-US" sz="1600" dirty="0">
                <a:solidFill>
                  <a:schemeClr val="accent5">
                    <a:lumMod val="5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110" name="직사각형 109"/>
            <p:cNvSpPr/>
            <p:nvPr/>
          </p:nvSpPr>
          <p:spPr>
            <a:xfrm rot="900000">
              <a:off x="9087457" y="2550671"/>
              <a:ext cx="802978" cy="100314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dirty="0" smtClean="0">
                  <a:solidFill>
                    <a:srgbClr val="7030A0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원</a:t>
              </a:r>
              <a:endParaRPr lang="ko-KR" altLang="en-US" sz="1600" dirty="0">
                <a:solidFill>
                  <a:srgbClr val="7030A0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grpSp>
          <p:nvGrpSpPr>
            <p:cNvPr id="111" name="그룹 110"/>
            <p:cNvGrpSpPr/>
            <p:nvPr/>
          </p:nvGrpSpPr>
          <p:grpSpPr>
            <a:xfrm>
              <a:off x="6059534" y="3679926"/>
              <a:ext cx="1116198" cy="698892"/>
              <a:chOff x="5256439" y="1383880"/>
              <a:chExt cx="1602126" cy="1003148"/>
            </a:xfrm>
          </p:grpSpPr>
          <p:grpSp>
            <p:nvGrpSpPr>
              <p:cNvPr id="113" name="그룹 112"/>
              <p:cNvGrpSpPr/>
              <p:nvPr/>
            </p:nvGrpSpPr>
            <p:grpSpPr>
              <a:xfrm>
                <a:off x="5603677" y="1447208"/>
                <a:ext cx="903120" cy="903120"/>
                <a:chOff x="5231808" y="966618"/>
                <a:chExt cx="1665200" cy="1665200"/>
              </a:xfrm>
            </p:grpSpPr>
            <p:sp>
              <p:nvSpPr>
                <p:cNvPr id="115" name="타원 114"/>
                <p:cNvSpPr/>
                <p:nvPr/>
              </p:nvSpPr>
              <p:spPr>
                <a:xfrm>
                  <a:off x="5231808" y="966618"/>
                  <a:ext cx="1665200" cy="1665200"/>
                </a:xfrm>
                <a:prstGeom prst="ellipse">
                  <a:avLst/>
                </a:prstGeom>
                <a:solidFill>
                  <a:schemeClr val="tx1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/>
                </a:p>
              </p:txBody>
            </p:sp>
            <p:sp>
              <p:nvSpPr>
                <p:cNvPr id="116" name="타원 115"/>
                <p:cNvSpPr/>
                <p:nvPr/>
              </p:nvSpPr>
              <p:spPr>
                <a:xfrm>
                  <a:off x="5421254" y="1175725"/>
                  <a:ext cx="1263641" cy="1263641"/>
                </a:xfrm>
                <a:prstGeom prst="ellipse">
                  <a:avLst/>
                </a:prstGeom>
                <a:solidFill>
                  <a:srgbClr val="FFFFFF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 sz="100"/>
                </a:p>
              </p:txBody>
            </p:sp>
          </p:grpSp>
          <p:sp>
            <p:nvSpPr>
              <p:cNvPr id="114" name="직사각형 113"/>
              <p:cNvSpPr/>
              <p:nvPr/>
            </p:nvSpPr>
            <p:spPr>
              <a:xfrm>
                <a:off x="5256439" y="1383880"/>
                <a:ext cx="1602126" cy="1003148"/>
              </a:xfrm>
              <a:prstGeom prst="rect">
                <a:avLst/>
              </a:prstGeom>
              <a:no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altLang="ko-KR" sz="400" dirty="0">
                    <a:solidFill>
                      <a:schemeClr val="tx1"/>
                    </a:solidFill>
                    <a:latin typeface="DX피오피" panose="02020600000000000000" pitchFamily="18" charset="-127"/>
                    <a:ea typeface="DX피오피" panose="02020600000000000000" pitchFamily="18" charset="-127"/>
                  </a:rPr>
                  <a:t>i</a:t>
                </a:r>
                <a:r>
                  <a:rPr lang="en-US" altLang="ko-KR" sz="400" dirty="0" smtClean="0">
                    <a:solidFill>
                      <a:schemeClr val="tx1"/>
                    </a:solidFill>
                    <a:latin typeface="DX피오피" panose="02020600000000000000" pitchFamily="18" charset="-127"/>
                    <a:ea typeface="DX피오피" panose="02020600000000000000" pitchFamily="18" charset="-127"/>
                  </a:rPr>
                  <a:t>n</a:t>
                </a:r>
                <a:endParaRPr lang="ko-KR" altLang="en-US" sz="300" dirty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endParaRPr>
              </a:p>
            </p:txBody>
          </p:sp>
        </p:grpSp>
        <p:sp>
          <p:nvSpPr>
            <p:cNvPr id="112" name="직사각형 111"/>
            <p:cNvSpPr/>
            <p:nvPr/>
          </p:nvSpPr>
          <p:spPr>
            <a:xfrm rot="2700000">
              <a:off x="5522338" y="2921711"/>
              <a:ext cx="802978" cy="100314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dirty="0" smtClean="0">
                  <a:solidFill>
                    <a:schemeClr val="accent6">
                      <a:lumMod val="75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상</a:t>
              </a:r>
              <a:endParaRPr lang="ko-KR" altLang="en-US" sz="1600" dirty="0">
                <a:solidFill>
                  <a:schemeClr val="accent6">
                    <a:lumMod val="75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grpSp>
        <p:nvGrpSpPr>
          <p:cNvPr id="281" name="그룹 280"/>
          <p:cNvGrpSpPr/>
          <p:nvPr/>
        </p:nvGrpSpPr>
        <p:grpSpPr>
          <a:xfrm>
            <a:off x="4798002" y="1396078"/>
            <a:ext cx="2447925" cy="4999476"/>
            <a:chOff x="1245553" y="1382015"/>
            <a:chExt cx="2447925" cy="4999476"/>
          </a:xfrm>
        </p:grpSpPr>
        <p:sp>
          <p:nvSpPr>
            <p:cNvPr id="282" name="모서리가 둥근 직사각형 281"/>
            <p:cNvSpPr/>
            <p:nvPr/>
          </p:nvSpPr>
          <p:spPr>
            <a:xfrm>
              <a:off x="1245553" y="1382015"/>
              <a:ext cx="2447925" cy="4999476"/>
            </a:xfrm>
            <a:prstGeom prst="roundRect">
              <a:avLst>
                <a:gd name="adj" fmla="val 12776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83" name="모서리가 둥근 직사각형 282"/>
            <p:cNvSpPr/>
            <p:nvPr/>
          </p:nvSpPr>
          <p:spPr>
            <a:xfrm>
              <a:off x="1352708" y="1949942"/>
              <a:ext cx="2233614" cy="3880288"/>
            </a:xfrm>
            <a:prstGeom prst="roundRect">
              <a:avLst>
                <a:gd name="adj" fmla="val 2755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84" name="타원 283"/>
            <p:cNvSpPr/>
            <p:nvPr/>
          </p:nvSpPr>
          <p:spPr>
            <a:xfrm>
              <a:off x="2288540" y="5924885"/>
              <a:ext cx="361950" cy="36195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285" name="그룹 284"/>
            <p:cNvGrpSpPr/>
            <p:nvPr/>
          </p:nvGrpSpPr>
          <p:grpSpPr>
            <a:xfrm>
              <a:off x="2197726" y="1627017"/>
              <a:ext cx="543577" cy="77924"/>
              <a:chOff x="5618347" y="1095705"/>
              <a:chExt cx="543577" cy="77924"/>
            </a:xfrm>
          </p:grpSpPr>
          <p:sp>
            <p:nvSpPr>
              <p:cNvPr id="287" name="타원 286"/>
              <p:cNvSpPr/>
              <p:nvPr/>
            </p:nvSpPr>
            <p:spPr>
              <a:xfrm>
                <a:off x="5618347" y="1095705"/>
                <a:ext cx="77924" cy="77924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88" name="모서리가 둥근 직사각형 287"/>
              <p:cNvSpPr/>
              <p:nvPr/>
            </p:nvSpPr>
            <p:spPr>
              <a:xfrm>
                <a:off x="5810298" y="1111808"/>
                <a:ext cx="351626" cy="45719"/>
              </a:xfrm>
              <a:prstGeom prst="roundRect">
                <a:avLst>
                  <a:gd name="adj" fmla="val 50000"/>
                </a:avLst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286" name="직사각형 285"/>
            <p:cNvSpPr/>
            <p:nvPr/>
          </p:nvSpPr>
          <p:spPr>
            <a:xfrm>
              <a:off x="1331017" y="3473612"/>
              <a:ext cx="2255305" cy="84707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40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학교</a:t>
              </a:r>
              <a:endParaRPr lang="ko-KR" altLang="en-US" sz="40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grpSp>
        <p:nvGrpSpPr>
          <p:cNvPr id="289" name="그룹 288"/>
          <p:cNvGrpSpPr/>
          <p:nvPr/>
        </p:nvGrpSpPr>
        <p:grpSpPr>
          <a:xfrm>
            <a:off x="4806938" y="1389077"/>
            <a:ext cx="2447925" cy="4999476"/>
            <a:chOff x="4806938" y="1389077"/>
            <a:chExt cx="2447925" cy="4999476"/>
          </a:xfrm>
        </p:grpSpPr>
        <p:grpSp>
          <p:nvGrpSpPr>
            <p:cNvPr id="290" name="그룹 289"/>
            <p:cNvGrpSpPr/>
            <p:nvPr/>
          </p:nvGrpSpPr>
          <p:grpSpPr>
            <a:xfrm>
              <a:off x="4806938" y="1389077"/>
              <a:ext cx="2447925" cy="4999476"/>
              <a:chOff x="2419349" y="744099"/>
              <a:chExt cx="2447925" cy="4999476"/>
            </a:xfrm>
          </p:grpSpPr>
          <p:sp>
            <p:nvSpPr>
              <p:cNvPr id="300" name="모서리가 둥근 직사각형 299"/>
              <p:cNvSpPr/>
              <p:nvPr/>
            </p:nvSpPr>
            <p:spPr>
              <a:xfrm>
                <a:off x="2419349" y="744099"/>
                <a:ext cx="2447925" cy="4999476"/>
              </a:xfrm>
              <a:prstGeom prst="roundRect">
                <a:avLst>
                  <a:gd name="adj" fmla="val 12776"/>
                </a:avLst>
              </a:prstGeom>
              <a:solidFill>
                <a:srgbClr val="00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01" name="모서리가 둥근 직사각형 300"/>
              <p:cNvSpPr/>
              <p:nvPr/>
            </p:nvSpPr>
            <p:spPr>
              <a:xfrm>
                <a:off x="2526504" y="1312026"/>
                <a:ext cx="2233614" cy="3880288"/>
              </a:xfrm>
              <a:prstGeom prst="roundRect">
                <a:avLst>
                  <a:gd name="adj" fmla="val 2755"/>
                </a:avLst>
              </a:prstGeom>
              <a:solidFill>
                <a:schemeClr val="accent1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02" name="타원 301"/>
              <p:cNvSpPr/>
              <p:nvPr/>
            </p:nvSpPr>
            <p:spPr>
              <a:xfrm>
                <a:off x="3462336" y="5286969"/>
                <a:ext cx="361950" cy="36195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grpSp>
            <p:nvGrpSpPr>
              <p:cNvPr id="303" name="그룹 302"/>
              <p:cNvGrpSpPr/>
              <p:nvPr/>
            </p:nvGrpSpPr>
            <p:grpSpPr>
              <a:xfrm>
                <a:off x="3371522" y="989101"/>
                <a:ext cx="543577" cy="77924"/>
                <a:chOff x="5618347" y="1095705"/>
                <a:chExt cx="543577" cy="77924"/>
              </a:xfrm>
            </p:grpSpPr>
            <p:sp>
              <p:nvSpPr>
                <p:cNvPr id="304" name="타원 303"/>
                <p:cNvSpPr/>
                <p:nvPr/>
              </p:nvSpPr>
              <p:spPr>
                <a:xfrm>
                  <a:off x="5618347" y="1095705"/>
                  <a:ext cx="77924" cy="77924"/>
                </a:xfrm>
                <a:prstGeom prst="ellipse">
                  <a:avLst/>
                </a:prstGeom>
                <a:solidFill>
                  <a:srgbClr val="FFFFFF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  <p:sp>
              <p:nvSpPr>
                <p:cNvPr id="305" name="모서리가 둥근 직사각형 304"/>
                <p:cNvSpPr/>
                <p:nvPr/>
              </p:nvSpPr>
              <p:spPr>
                <a:xfrm>
                  <a:off x="5810298" y="1111808"/>
                  <a:ext cx="351626" cy="45719"/>
                </a:xfrm>
                <a:prstGeom prst="roundRect">
                  <a:avLst>
                    <a:gd name="adj" fmla="val 50000"/>
                  </a:avLst>
                </a:prstGeom>
                <a:solidFill>
                  <a:srgbClr val="FFFFFF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ko-KR" altLang="en-US"/>
                </a:p>
              </p:txBody>
            </p:sp>
          </p:grpSp>
        </p:grpSp>
        <p:pic>
          <p:nvPicPr>
            <p:cNvPr id="291" name="그림 290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914093" y="1957003"/>
              <a:ext cx="2233614" cy="3880288"/>
            </a:xfrm>
            <a:prstGeom prst="rect">
              <a:avLst/>
            </a:prstGeom>
          </p:spPr>
        </p:pic>
        <p:sp>
          <p:nvSpPr>
            <p:cNvPr id="292" name="모서리가 둥근 직사각형 291"/>
            <p:cNvSpPr/>
            <p:nvPr/>
          </p:nvSpPr>
          <p:spPr>
            <a:xfrm>
              <a:off x="4914093" y="1964065"/>
              <a:ext cx="2233614" cy="3880288"/>
            </a:xfrm>
            <a:prstGeom prst="roundRect">
              <a:avLst>
                <a:gd name="adj" fmla="val 0"/>
              </a:avLst>
            </a:prstGeom>
            <a:solidFill>
              <a:srgbClr val="000000">
                <a:alpha val="30196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93" name="모서리가 둥근 직사각형 292"/>
            <p:cNvSpPr/>
            <p:nvPr/>
          </p:nvSpPr>
          <p:spPr>
            <a:xfrm>
              <a:off x="4806938" y="1389077"/>
              <a:ext cx="2447925" cy="4999476"/>
            </a:xfrm>
            <a:prstGeom prst="roundRect">
              <a:avLst>
                <a:gd name="adj" fmla="val 12776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94" name="모서리가 둥근 직사각형 293"/>
            <p:cNvSpPr/>
            <p:nvPr/>
          </p:nvSpPr>
          <p:spPr>
            <a:xfrm>
              <a:off x="4914093" y="1957004"/>
              <a:ext cx="2233614" cy="3880288"/>
            </a:xfrm>
            <a:prstGeom prst="roundRect">
              <a:avLst>
                <a:gd name="adj" fmla="val 2755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95" name="타원 294"/>
            <p:cNvSpPr/>
            <p:nvPr/>
          </p:nvSpPr>
          <p:spPr>
            <a:xfrm>
              <a:off x="5849925" y="5931947"/>
              <a:ext cx="361950" cy="36195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296" name="그룹 295"/>
            <p:cNvGrpSpPr/>
            <p:nvPr/>
          </p:nvGrpSpPr>
          <p:grpSpPr>
            <a:xfrm>
              <a:off x="5759111" y="1634079"/>
              <a:ext cx="543577" cy="77924"/>
              <a:chOff x="5618347" y="1095705"/>
              <a:chExt cx="543577" cy="77924"/>
            </a:xfrm>
          </p:grpSpPr>
          <p:sp>
            <p:nvSpPr>
              <p:cNvPr id="298" name="타원 297"/>
              <p:cNvSpPr/>
              <p:nvPr/>
            </p:nvSpPr>
            <p:spPr>
              <a:xfrm>
                <a:off x="5618347" y="1095705"/>
                <a:ext cx="77924" cy="77924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299" name="모서리가 둥근 직사각형 298"/>
              <p:cNvSpPr/>
              <p:nvPr/>
            </p:nvSpPr>
            <p:spPr>
              <a:xfrm>
                <a:off x="5810298" y="1111808"/>
                <a:ext cx="351626" cy="45719"/>
              </a:xfrm>
              <a:prstGeom prst="roundRect">
                <a:avLst>
                  <a:gd name="adj" fmla="val 50000"/>
                </a:avLst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297" name="직사각형 296"/>
            <p:cNvSpPr/>
            <p:nvPr/>
          </p:nvSpPr>
          <p:spPr>
            <a:xfrm>
              <a:off x="4903247" y="3465279"/>
              <a:ext cx="2255305" cy="84707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40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기숙사</a:t>
              </a:r>
              <a:endParaRPr lang="ko-KR" altLang="en-US" sz="40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grpSp>
        <p:nvGrpSpPr>
          <p:cNvPr id="306" name="그룹 305"/>
          <p:cNvGrpSpPr/>
          <p:nvPr/>
        </p:nvGrpSpPr>
        <p:grpSpPr>
          <a:xfrm>
            <a:off x="4798002" y="1389077"/>
            <a:ext cx="2447925" cy="4999476"/>
            <a:chOff x="8368322" y="1389077"/>
            <a:chExt cx="2447925" cy="4999476"/>
          </a:xfrm>
        </p:grpSpPr>
        <p:sp>
          <p:nvSpPr>
            <p:cNvPr id="307" name="모서리가 둥근 직사각형 306"/>
            <p:cNvSpPr/>
            <p:nvPr/>
          </p:nvSpPr>
          <p:spPr>
            <a:xfrm>
              <a:off x="8368322" y="1389077"/>
              <a:ext cx="2447925" cy="4999476"/>
            </a:xfrm>
            <a:prstGeom prst="roundRect">
              <a:avLst>
                <a:gd name="adj" fmla="val 12776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8" name="모서리가 둥근 직사각형 307"/>
            <p:cNvSpPr/>
            <p:nvPr/>
          </p:nvSpPr>
          <p:spPr>
            <a:xfrm>
              <a:off x="8475477" y="1957004"/>
              <a:ext cx="2233614" cy="3880288"/>
            </a:xfrm>
            <a:prstGeom prst="roundRect">
              <a:avLst>
                <a:gd name="adj" fmla="val 2755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9" name="타원 308"/>
            <p:cNvSpPr/>
            <p:nvPr/>
          </p:nvSpPr>
          <p:spPr>
            <a:xfrm>
              <a:off x="9411309" y="5931947"/>
              <a:ext cx="361950" cy="36195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310" name="그룹 309"/>
            <p:cNvGrpSpPr/>
            <p:nvPr/>
          </p:nvGrpSpPr>
          <p:grpSpPr>
            <a:xfrm>
              <a:off x="9320495" y="1634079"/>
              <a:ext cx="543577" cy="77924"/>
              <a:chOff x="5618347" y="1095705"/>
              <a:chExt cx="543577" cy="77924"/>
            </a:xfrm>
          </p:grpSpPr>
          <p:sp>
            <p:nvSpPr>
              <p:cNvPr id="312" name="타원 311"/>
              <p:cNvSpPr/>
              <p:nvPr/>
            </p:nvSpPr>
            <p:spPr>
              <a:xfrm>
                <a:off x="5618347" y="1095705"/>
                <a:ext cx="77924" cy="77924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13" name="모서리가 둥근 직사각형 312"/>
              <p:cNvSpPr/>
              <p:nvPr/>
            </p:nvSpPr>
            <p:spPr>
              <a:xfrm>
                <a:off x="5810298" y="1111808"/>
                <a:ext cx="351626" cy="45719"/>
              </a:xfrm>
              <a:prstGeom prst="roundRect">
                <a:avLst>
                  <a:gd name="adj" fmla="val 50000"/>
                </a:avLst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311" name="직사각형 310"/>
            <p:cNvSpPr/>
            <p:nvPr/>
          </p:nvSpPr>
          <p:spPr>
            <a:xfrm>
              <a:off x="8464631" y="3458217"/>
              <a:ext cx="2255305" cy="84707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4000" dirty="0" smtClean="0">
                  <a:solidFill>
                    <a:schemeClr val="tx1"/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밖</a:t>
              </a:r>
              <a:endParaRPr lang="ko-KR" altLang="en-US" sz="4000" dirty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978971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50"/>
                                        <p:tgtEl>
                                          <p:spTgt spid="28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50"/>
                                        <p:tgtEl>
                                          <p:spTgt spid="3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50"/>
                                        <p:tgtEl>
                                          <p:spTgt spid="2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63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08333E-7 1.85185E-6 L 0.29258 1.85185E-6 " pathEditMode="relative" rAng="0" ptsTypes="AA">
                                      <p:cBhvr>
                                        <p:cTn id="15" dur="250" fill="hold"/>
                                        <p:tgtEl>
                                          <p:spTgt spid="30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4622" y="0"/>
                                    </p:animMotion>
                                  </p:childTnLst>
                                </p:cTn>
                              </p:par>
                              <p:par>
                                <p:cTn id="16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08333E-7 4.44444E-6 L -0.29075 -0.00139 " pathEditMode="relative" rAng="0" ptsTypes="AA">
                                      <p:cBhvr>
                                        <p:cTn id="17" dur="250" fill="hold"/>
                                        <p:tgtEl>
                                          <p:spTgt spid="28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4544" y="-6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17" name="그룹 16"/>
          <p:cNvGrpSpPr/>
          <p:nvPr/>
        </p:nvGrpSpPr>
        <p:grpSpPr>
          <a:xfrm>
            <a:off x="5988211" y="6670505"/>
            <a:ext cx="215580" cy="159197"/>
            <a:chOff x="5704686" y="6045460"/>
            <a:chExt cx="2515206" cy="1857376"/>
          </a:xfrm>
        </p:grpSpPr>
        <p:sp>
          <p:nvSpPr>
            <p:cNvPr id="8" name="타원 7"/>
            <p:cNvSpPr/>
            <p:nvPr/>
          </p:nvSpPr>
          <p:spPr>
            <a:xfrm rot="1180503">
              <a:off x="5704686" y="6045461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9" name="타원 8"/>
            <p:cNvSpPr/>
            <p:nvPr/>
          </p:nvSpPr>
          <p:spPr>
            <a:xfrm rot="1180503">
              <a:off x="5886112" y="6232967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0" name="타원 9"/>
            <p:cNvSpPr/>
            <p:nvPr/>
          </p:nvSpPr>
          <p:spPr>
            <a:xfrm>
              <a:off x="6098503" y="7331050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타원 10"/>
            <p:cNvSpPr/>
            <p:nvPr/>
          </p:nvSpPr>
          <p:spPr>
            <a:xfrm rot="1180503">
              <a:off x="7096182" y="6045460"/>
              <a:ext cx="1123710" cy="1857375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2" name="타원 11"/>
            <p:cNvSpPr/>
            <p:nvPr/>
          </p:nvSpPr>
          <p:spPr>
            <a:xfrm rot="1180503">
              <a:off x="7277608" y="6232966"/>
              <a:ext cx="760858" cy="1482362"/>
            </a:xfrm>
            <a:prstGeom prst="ellipse">
              <a:avLst/>
            </a:prstGeom>
            <a:solidFill>
              <a:srgbClr val="18171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3" name="타원 12"/>
            <p:cNvSpPr/>
            <p:nvPr/>
          </p:nvSpPr>
          <p:spPr>
            <a:xfrm>
              <a:off x="7430468" y="7278662"/>
              <a:ext cx="208519" cy="208519"/>
            </a:xfrm>
            <a:prstGeom prst="ellipse">
              <a:avLst/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6" name="막힌 원호 15"/>
            <p:cNvSpPr/>
            <p:nvPr/>
          </p:nvSpPr>
          <p:spPr>
            <a:xfrm rot="11700000">
              <a:off x="6518387" y="7098280"/>
              <a:ext cx="777801" cy="777801"/>
            </a:xfrm>
            <a:prstGeom prst="blockArc">
              <a:avLst>
                <a:gd name="adj1" fmla="val 10800000"/>
                <a:gd name="adj2" fmla="val 555000"/>
                <a:gd name="adj3" fmla="val 20829"/>
              </a:avLst>
            </a:prstGeom>
            <a:solidFill>
              <a:srgbClr val="FFFEF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3" name="그룹 22"/>
          <p:cNvGrpSpPr/>
          <p:nvPr/>
        </p:nvGrpSpPr>
        <p:grpSpPr>
          <a:xfrm>
            <a:off x="5081589" y="1815"/>
            <a:ext cx="2028825" cy="213978"/>
            <a:chOff x="5005486" y="0"/>
            <a:chExt cx="2028825" cy="419944"/>
          </a:xfrm>
        </p:grpSpPr>
        <p:sp>
          <p:nvSpPr>
            <p:cNvPr id="18" name="직사각형 17"/>
            <p:cNvSpPr/>
            <p:nvPr/>
          </p:nvSpPr>
          <p:spPr>
            <a:xfrm>
              <a:off x="5681761" y="0"/>
              <a:ext cx="676275" cy="418406"/>
            </a:xfrm>
            <a:prstGeom prst="rect">
              <a:avLst/>
            </a:prstGeom>
            <a:solidFill>
              <a:srgbClr val="FFEF1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/>
            <p:cNvSpPr/>
            <p:nvPr/>
          </p:nvSpPr>
          <p:spPr>
            <a:xfrm>
              <a:off x="5005486" y="0"/>
              <a:ext cx="676275" cy="418406"/>
            </a:xfrm>
            <a:prstGeom prst="rect">
              <a:avLst/>
            </a:prstGeom>
            <a:solidFill>
              <a:srgbClr val="E3312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/>
            <p:cNvSpPr/>
            <p:nvPr/>
          </p:nvSpPr>
          <p:spPr>
            <a:xfrm>
              <a:off x="6358036" y="1538"/>
              <a:ext cx="676275" cy="418406"/>
            </a:xfrm>
            <a:prstGeom prst="rect">
              <a:avLst/>
            </a:prstGeom>
            <a:solidFill>
              <a:srgbClr val="0665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모서리가 둥근 직사각형 2"/>
          <p:cNvSpPr/>
          <p:nvPr/>
        </p:nvSpPr>
        <p:spPr>
          <a:xfrm>
            <a:off x="262296" y="215792"/>
            <a:ext cx="11667411" cy="6422777"/>
          </a:xfrm>
          <a:prstGeom prst="roundRect">
            <a:avLst>
              <a:gd name="adj" fmla="val 1496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8" name="직사각형 237"/>
          <p:cNvSpPr/>
          <p:nvPr/>
        </p:nvSpPr>
        <p:spPr>
          <a:xfrm>
            <a:off x="4796428" y="215789"/>
            <a:ext cx="2468946" cy="8470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4400" dirty="0" smtClean="0">
                <a:solidFill>
                  <a:schemeClr val="tx1"/>
                </a:solidFill>
                <a:latin typeface="DX피오피" panose="02020600000000000000" pitchFamily="18" charset="-127"/>
                <a:ea typeface="DX피오피" panose="02020600000000000000" pitchFamily="18" charset="-127"/>
              </a:rPr>
              <a:t>게임방법</a:t>
            </a:r>
            <a:endParaRPr lang="ko-KR" altLang="en-US" sz="4400" dirty="0">
              <a:solidFill>
                <a:schemeClr val="tx1"/>
              </a:solidFill>
              <a:latin typeface="DX피오피" panose="02020600000000000000" pitchFamily="18" charset="-127"/>
              <a:ea typeface="DX피오피" panose="02020600000000000000" pitchFamily="18" charset="-127"/>
            </a:endParaRPr>
          </a:p>
        </p:txBody>
      </p:sp>
      <p:sp>
        <p:nvSpPr>
          <p:cNvPr id="181" name="직사각형 247"/>
          <p:cNvSpPr/>
          <p:nvPr/>
        </p:nvSpPr>
        <p:spPr>
          <a:xfrm rot="10800000">
            <a:off x="5076874" y="1065109"/>
            <a:ext cx="2028825" cy="73953"/>
          </a:xfrm>
          <a:custGeom>
            <a:avLst/>
            <a:gdLst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73953 h 73953"/>
              <a:gd name="connsiteX4" fmla="*/ 0 w 2028825"/>
              <a:gd name="connsiteY4" fmla="*/ 0 h 73953"/>
              <a:gd name="connsiteX0" fmla="*/ 0 w 2028825"/>
              <a:gd name="connsiteY0" fmla="*/ 0 h 73953"/>
              <a:gd name="connsiteX1" fmla="*/ 2028825 w 2028825"/>
              <a:gd name="connsiteY1" fmla="*/ 0 h 73953"/>
              <a:gd name="connsiteX2" fmla="*/ 2028825 w 2028825"/>
              <a:gd name="connsiteY2" fmla="*/ 73953 h 73953"/>
              <a:gd name="connsiteX3" fmla="*/ 0 w 2028825"/>
              <a:gd name="connsiteY3" fmla="*/ 0 h 739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28825" h="73953">
                <a:moveTo>
                  <a:pt x="0" y="0"/>
                </a:moveTo>
                <a:lnTo>
                  <a:pt x="2028825" y="0"/>
                </a:lnTo>
                <a:lnTo>
                  <a:pt x="2028825" y="73953"/>
                </a:lnTo>
                <a:lnTo>
                  <a:pt x="0" y="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grpSp>
        <p:nvGrpSpPr>
          <p:cNvPr id="83" name="그룹 82"/>
          <p:cNvGrpSpPr/>
          <p:nvPr/>
        </p:nvGrpSpPr>
        <p:grpSpPr>
          <a:xfrm>
            <a:off x="4806938" y="1389077"/>
            <a:ext cx="2447925" cy="4999476"/>
            <a:chOff x="2419349" y="744099"/>
            <a:chExt cx="2447925" cy="4999476"/>
          </a:xfrm>
        </p:grpSpPr>
        <p:sp>
          <p:nvSpPr>
            <p:cNvPr id="84" name="모서리가 둥근 직사각형 83"/>
            <p:cNvSpPr/>
            <p:nvPr/>
          </p:nvSpPr>
          <p:spPr>
            <a:xfrm>
              <a:off x="2419349" y="744099"/>
              <a:ext cx="2447925" cy="4999476"/>
            </a:xfrm>
            <a:prstGeom prst="roundRect">
              <a:avLst>
                <a:gd name="adj" fmla="val 12776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85" name="모서리가 둥근 직사각형 84"/>
            <p:cNvSpPr/>
            <p:nvPr/>
          </p:nvSpPr>
          <p:spPr>
            <a:xfrm>
              <a:off x="2526504" y="1312026"/>
              <a:ext cx="2233614" cy="3880288"/>
            </a:xfrm>
            <a:prstGeom prst="roundRect">
              <a:avLst>
                <a:gd name="adj" fmla="val 2755"/>
              </a:avLst>
            </a:pr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86" name="타원 85"/>
            <p:cNvSpPr/>
            <p:nvPr/>
          </p:nvSpPr>
          <p:spPr>
            <a:xfrm>
              <a:off x="3462336" y="5286969"/>
              <a:ext cx="361950" cy="36195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87" name="그룹 86"/>
            <p:cNvGrpSpPr/>
            <p:nvPr/>
          </p:nvGrpSpPr>
          <p:grpSpPr>
            <a:xfrm>
              <a:off x="3371522" y="989101"/>
              <a:ext cx="543577" cy="77924"/>
              <a:chOff x="5618347" y="1095705"/>
              <a:chExt cx="543577" cy="77924"/>
            </a:xfrm>
          </p:grpSpPr>
          <p:sp>
            <p:nvSpPr>
              <p:cNvPr id="88" name="타원 87"/>
              <p:cNvSpPr/>
              <p:nvPr/>
            </p:nvSpPr>
            <p:spPr>
              <a:xfrm>
                <a:off x="5618347" y="1095705"/>
                <a:ext cx="77924" cy="77924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89" name="모서리가 둥근 직사각형 88"/>
              <p:cNvSpPr/>
              <p:nvPr/>
            </p:nvSpPr>
            <p:spPr>
              <a:xfrm>
                <a:off x="5810298" y="1111808"/>
                <a:ext cx="351626" cy="45719"/>
              </a:xfrm>
              <a:prstGeom prst="roundRect">
                <a:avLst>
                  <a:gd name="adj" fmla="val 50000"/>
                </a:avLst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  <p:pic>
        <p:nvPicPr>
          <p:cNvPr id="90" name="그림 8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093" y="1948312"/>
            <a:ext cx="2233615" cy="3888979"/>
          </a:xfrm>
          <a:prstGeom prst="rect">
            <a:avLst/>
          </a:prstGeom>
        </p:spPr>
      </p:pic>
      <p:grpSp>
        <p:nvGrpSpPr>
          <p:cNvPr id="2" name="그룹 1"/>
          <p:cNvGrpSpPr/>
          <p:nvPr/>
        </p:nvGrpSpPr>
        <p:grpSpPr>
          <a:xfrm>
            <a:off x="1245553" y="1382015"/>
            <a:ext cx="2447925" cy="4999476"/>
            <a:chOff x="1245553" y="1382015"/>
            <a:chExt cx="2447925" cy="4999476"/>
          </a:xfrm>
        </p:grpSpPr>
        <p:sp>
          <p:nvSpPr>
            <p:cNvPr id="37" name="모서리가 둥근 직사각형 36"/>
            <p:cNvSpPr/>
            <p:nvPr/>
          </p:nvSpPr>
          <p:spPr>
            <a:xfrm>
              <a:off x="1245553" y="1382015"/>
              <a:ext cx="2447925" cy="4999476"/>
            </a:xfrm>
            <a:prstGeom prst="roundRect">
              <a:avLst>
                <a:gd name="adj" fmla="val 12776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8" name="모서리가 둥근 직사각형 37"/>
            <p:cNvSpPr/>
            <p:nvPr/>
          </p:nvSpPr>
          <p:spPr>
            <a:xfrm>
              <a:off x="1352708" y="1949942"/>
              <a:ext cx="2233614" cy="3880288"/>
            </a:xfrm>
            <a:prstGeom prst="roundRect">
              <a:avLst>
                <a:gd name="adj" fmla="val 2755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39" name="타원 38"/>
            <p:cNvSpPr/>
            <p:nvPr/>
          </p:nvSpPr>
          <p:spPr>
            <a:xfrm>
              <a:off x="2288540" y="5924885"/>
              <a:ext cx="361950" cy="36195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40" name="그룹 39"/>
            <p:cNvGrpSpPr/>
            <p:nvPr/>
          </p:nvGrpSpPr>
          <p:grpSpPr>
            <a:xfrm>
              <a:off x="2197726" y="1627017"/>
              <a:ext cx="543577" cy="77924"/>
              <a:chOff x="5618347" y="1095705"/>
              <a:chExt cx="543577" cy="77924"/>
            </a:xfrm>
          </p:grpSpPr>
          <p:sp>
            <p:nvSpPr>
              <p:cNvPr id="41" name="타원 40"/>
              <p:cNvSpPr/>
              <p:nvPr/>
            </p:nvSpPr>
            <p:spPr>
              <a:xfrm>
                <a:off x="5618347" y="1095705"/>
                <a:ext cx="77924" cy="77924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42" name="모서리가 둥근 직사각형 41"/>
              <p:cNvSpPr/>
              <p:nvPr/>
            </p:nvSpPr>
            <p:spPr>
              <a:xfrm>
                <a:off x="5810298" y="1111808"/>
                <a:ext cx="351626" cy="45719"/>
              </a:xfrm>
              <a:prstGeom prst="roundRect">
                <a:avLst>
                  <a:gd name="adj" fmla="val 50000"/>
                </a:avLst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45" name="직사각형 44"/>
            <p:cNvSpPr/>
            <p:nvPr/>
          </p:nvSpPr>
          <p:spPr>
            <a:xfrm>
              <a:off x="1331017" y="3473612"/>
              <a:ext cx="2255305" cy="84707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4000" dirty="0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학교</a:t>
              </a:r>
              <a:endParaRPr lang="ko-KR" altLang="en-US" sz="40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44" name="모서리가 둥근 직사각형 43"/>
            <p:cNvSpPr/>
            <p:nvPr/>
          </p:nvSpPr>
          <p:spPr>
            <a:xfrm>
              <a:off x="1352708" y="1948670"/>
              <a:ext cx="2233614" cy="3880288"/>
            </a:xfrm>
            <a:prstGeom prst="roundRect">
              <a:avLst>
                <a:gd name="adj" fmla="val 0"/>
              </a:avLst>
            </a:prstGeom>
            <a:solidFill>
              <a:srgbClr val="000000">
                <a:alpha val="7098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49" name="모서리가 둥근 직사각형 48"/>
            <p:cNvSpPr/>
            <p:nvPr/>
          </p:nvSpPr>
          <p:spPr>
            <a:xfrm>
              <a:off x="1458074" y="2307104"/>
              <a:ext cx="2001190" cy="674394"/>
            </a:xfrm>
            <a:prstGeom prst="roundRect">
              <a:avLst>
                <a:gd name="adj" fmla="val 16042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50" name="모서리가 둥근 직사각형 49"/>
            <p:cNvSpPr/>
            <p:nvPr/>
          </p:nvSpPr>
          <p:spPr>
            <a:xfrm>
              <a:off x="1468920" y="3544555"/>
              <a:ext cx="2001190" cy="674394"/>
            </a:xfrm>
            <a:prstGeom prst="roundRect">
              <a:avLst>
                <a:gd name="adj" fmla="val 16042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51" name="모서리가 둥근 직사각형 50"/>
            <p:cNvSpPr/>
            <p:nvPr/>
          </p:nvSpPr>
          <p:spPr>
            <a:xfrm>
              <a:off x="1458074" y="4812512"/>
              <a:ext cx="2001190" cy="674394"/>
            </a:xfrm>
            <a:prstGeom prst="roundRect">
              <a:avLst>
                <a:gd name="adj" fmla="val 16042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59" name="직사각형 58"/>
            <p:cNvSpPr/>
            <p:nvPr/>
          </p:nvSpPr>
          <p:spPr>
            <a:xfrm>
              <a:off x="1458074" y="2303714"/>
              <a:ext cx="2001190" cy="674394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3600" dirty="0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교실</a:t>
              </a:r>
              <a:endParaRPr lang="ko-KR" altLang="en-US" sz="36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60" name="직사각형 59"/>
            <p:cNvSpPr/>
            <p:nvPr/>
          </p:nvSpPr>
          <p:spPr>
            <a:xfrm>
              <a:off x="1468920" y="3555007"/>
              <a:ext cx="2001190" cy="674394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3600" dirty="0" err="1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대시실</a:t>
              </a:r>
              <a:endParaRPr lang="ko-KR" altLang="en-US" sz="36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61" name="직사각형 60"/>
            <p:cNvSpPr/>
            <p:nvPr/>
          </p:nvSpPr>
          <p:spPr>
            <a:xfrm>
              <a:off x="1456050" y="4812512"/>
              <a:ext cx="2001190" cy="674394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3600" dirty="0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도서관</a:t>
              </a:r>
              <a:endParaRPr lang="ko-KR" altLang="en-US" sz="36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grpSp>
        <p:nvGrpSpPr>
          <p:cNvPr id="4" name="그룹 3"/>
          <p:cNvGrpSpPr/>
          <p:nvPr/>
        </p:nvGrpSpPr>
        <p:grpSpPr>
          <a:xfrm>
            <a:off x="4806938" y="1389077"/>
            <a:ext cx="2447925" cy="4999476"/>
            <a:chOff x="4806938" y="1389077"/>
            <a:chExt cx="2447925" cy="4999476"/>
          </a:xfrm>
        </p:grpSpPr>
        <p:sp>
          <p:nvSpPr>
            <p:cNvPr id="67" name="모서리가 둥근 직사각형 66"/>
            <p:cNvSpPr/>
            <p:nvPr/>
          </p:nvSpPr>
          <p:spPr>
            <a:xfrm>
              <a:off x="4806938" y="1389077"/>
              <a:ext cx="2447925" cy="4999476"/>
            </a:xfrm>
            <a:prstGeom prst="roundRect">
              <a:avLst>
                <a:gd name="adj" fmla="val 12776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8" name="모서리가 둥근 직사각형 67"/>
            <p:cNvSpPr/>
            <p:nvPr/>
          </p:nvSpPr>
          <p:spPr>
            <a:xfrm>
              <a:off x="4914093" y="1957004"/>
              <a:ext cx="2233614" cy="3880288"/>
            </a:xfrm>
            <a:prstGeom prst="roundRect">
              <a:avLst>
                <a:gd name="adj" fmla="val 2755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69" name="타원 68"/>
            <p:cNvSpPr/>
            <p:nvPr/>
          </p:nvSpPr>
          <p:spPr>
            <a:xfrm>
              <a:off x="5849925" y="5931947"/>
              <a:ext cx="361950" cy="36195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70" name="그룹 69"/>
            <p:cNvGrpSpPr/>
            <p:nvPr/>
          </p:nvGrpSpPr>
          <p:grpSpPr>
            <a:xfrm>
              <a:off x="5759111" y="1634079"/>
              <a:ext cx="543577" cy="77924"/>
              <a:chOff x="5618347" y="1095705"/>
              <a:chExt cx="543577" cy="77924"/>
            </a:xfrm>
          </p:grpSpPr>
          <p:sp>
            <p:nvSpPr>
              <p:cNvPr id="73" name="타원 72"/>
              <p:cNvSpPr/>
              <p:nvPr/>
            </p:nvSpPr>
            <p:spPr>
              <a:xfrm>
                <a:off x="5618347" y="1095705"/>
                <a:ext cx="77924" cy="77924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74" name="모서리가 둥근 직사각형 73"/>
              <p:cNvSpPr/>
              <p:nvPr/>
            </p:nvSpPr>
            <p:spPr>
              <a:xfrm>
                <a:off x="5810298" y="1111808"/>
                <a:ext cx="351626" cy="45719"/>
              </a:xfrm>
              <a:prstGeom prst="roundRect">
                <a:avLst>
                  <a:gd name="adj" fmla="val 50000"/>
                </a:avLst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46" name="직사각형 45"/>
            <p:cNvSpPr/>
            <p:nvPr/>
          </p:nvSpPr>
          <p:spPr>
            <a:xfrm>
              <a:off x="4903247" y="3465279"/>
              <a:ext cx="2255305" cy="84707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4000" dirty="0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기숙사</a:t>
              </a:r>
              <a:endParaRPr lang="ko-KR" altLang="en-US" sz="40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43" name="모서리가 둥근 직사각형 42"/>
            <p:cNvSpPr/>
            <p:nvPr/>
          </p:nvSpPr>
          <p:spPr>
            <a:xfrm>
              <a:off x="4914093" y="1949941"/>
              <a:ext cx="2233614" cy="3887349"/>
            </a:xfrm>
            <a:prstGeom prst="roundRect">
              <a:avLst>
                <a:gd name="adj" fmla="val 0"/>
              </a:avLst>
            </a:prstGeom>
            <a:solidFill>
              <a:srgbClr val="000000">
                <a:alpha val="7098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52" name="모서리가 둥근 직사각형 51"/>
            <p:cNvSpPr/>
            <p:nvPr/>
          </p:nvSpPr>
          <p:spPr>
            <a:xfrm>
              <a:off x="5024882" y="2303714"/>
              <a:ext cx="2001190" cy="674394"/>
            </a:xfrm>
            <a:prstGeom prst="roundRect">
              <a:avLst>
                <a:gd name="adj" fmla="val 16042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53" name="모서리가 둥근 직사각형 52"/>
            <p:cNvSpPr/>
            <p:nvPr/>
          </p:nvSpPr>
          <p:spPr>
            <a:xfrm>
              <a:off x="5035728" y="3541165"/>
              <a:ext cx="2001190" cy="674394"/>
            </a:xfrm>
            <a:prstGeom prst="roundRect">
              <a:avLst>
                <a:gd name="adj" fmla="val 16042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54" name="모서리가 둥근 직사각형 53"/>
            <p:cNvSpPr/>
            <p:nvPr/>
          </p:nvSpPr>
          <p:spPr>
            <a:xfrm>
              <a:off x="5024882" y="4809122"/>
              <a:ext cx="2001190" cy="674394"/>
            </a:xfrm>
            <a:prstGeom prst="roundRect">
              <a:avLst>
                <a:gd name="adj" fmla="val 16042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66" name="직사각형 65"/>
            <p:cNvSpPr/>
            <p:nvPr/>
          </p:nvSpPr>
          <p:spPr>
            <a:xfrm>
              <a:off x="5032905" y="2310694"/>
              <a:ext cx="2001190" cy="674394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3600" dirty="0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방</a:t>
              </a:r>
              <a:endParaRPr lang="ko-KR" altLang="en-US" sz="36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71" name="직사각형 70"/>
            <p:cNvSpPr/>
            <p:nvPr/>
          </p:nvSpPr>
          <p:spPr>
            <a:xfrm>
              <a:off x="5043751" y="3561987"/>
              <a:ext cx="2001190" cy="674394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3600" dirty="0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복도</a:t>
              </a:r>
              <a:endParaRPr lang="ko-KR" altLang="en-US" sz="36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72" name="직사각형 71"/>
            <p:cNvSpPr/>
            <p:nvPr/>
          </p:nvSpPr>
          <p:spPr>
            <a:xfrm>
              <a:off x="5030881" y="4819492"/>
              <a:ext cx="2001190" cy="674394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3600" dirty="0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매점</a:t>
              </a:r>
              <a:endParaRPr lang="ko-KR" altLang="en-US" sz="36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  <p:grpSp>
        <p:nvGrpSpPr>
          <p:cNvPr id="6" name="그룹 5"/>
          <p:cNvGrpSpPr/>
          <p:nvPr/>
        </p:nvGrpSpPr>
        <p:grpSpPr>
          <a:xfrm>
            <a:off x="8368322" y="1389077"/>
            <a:ext cx="2447925" cy="4999476"/>
            <a:chOff x="8368322" y="1389077"/>
            <a:chExt cx="2447925" cy="4999476"/>
          </a:xfrm>
        </p:grpSpPr>
        <p:sp>
          <p:nvSpPr>
            <p:cNvPr id="28" name="모서리가 둥근 직사각형 27"/>
            <p:cNvSpPr/>
            <p:nvPr/>
          </p:nvSpPr>
          <p:spPr>
            <a:xfrm>
              <a:off x="8368322" y="1389077"/>
              <a:ext cx="2447925" cy="4999476"/>
            </a:xfrm>
            <a:prstGeom prst="roundRect">
              <a:avLst>
                <a:gd name="adj" fmla="val 12776"/>
              </a:avLst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9" name="모서리가 둥근 직사각형 28"/>
            <p:cNvSpPr/>
            <p:nvPr/>
          </p:nvSpPr>
          <p:spPr>
            <a:xfrm>
              <a:off x="8475477" y="1957004"/>
              <a:ext cx="2233614" cy="3880288"/>
            </a:xfrm>
            <a:prstGeom prst="roundRect">
              <a:avLst>
                <a:gd name="adj" fmla="val 2755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30" name="타원 29"/>
            <p:cNvSpPr/>
            <p:nvPr/>
          </p:nvSpPr>
          <p:spPr>
            <a:xfrm>
              <a:off x="9411309" y="5931947"/>
              <a:ext cx="361950" cy="36195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31" name="그룹 30"/>
            <p:cNvGrpSpPr/>
            <p:nvPr/>
          </p:nvGrpSpPr>
          <p:grpSpPr>
            <a:xfrm>
              <a:off x="9320495" y="1634079"/>
              <a:ext cx="543577" cy="77924"/>
              <a:chOff x="5618347" y="1095705"/>
              <a:chExt cx="543577" cy="77924"/>
            </a:xfrm>
          </p:grpSpPr>
          <p:sp>
            <p:nvSpPr>
              <p:cNvPr id="32" name="타원 31"/>
              <p:cNvSpPr/>
              <p:nvPr/>
            </p:nvSpPr>
            <p:spPr>
              <a:xfrm>
                <a:off x="5618347" y="1095705"/>
                <a:ext cx="77924" cy="77924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3" name="모서리가 둥근 직사각형 32"/>
              <p:cNvSpPr/>
              <p:nvPr/>
            </p:nvSpPr>
            <p:spPr>
              <a:xfrm>
                <a:off x="5810298" y="1111808"/>
                <a:ext cx="351626" cy="45719"/>
              </a:xfrm>
              <a:prstGeom prst="roundRect">
                <a:avLst>
                  <a:gd name="adj" fmla="val 50000"/>
                </a:avLst>
              </a:prstGeom>
              <a:solidFill>
                <a:srgbClr val="FFFF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47" name="직사각형 46"/>
            <p:cNvSpPr/>
            <p:nvPr/>
          </p:nvSpPr>
          <p:spPr>
            <a:xfrm>
              <a:off x="8464631" y="3458217"/>
              <a:ext cx="2255305" cy="84707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4000" dirty="0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밖</a:t>
              </a:r>
              <a:endParaRPr lang="ko-KR" altLang="en-US" sz="40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48" name="모서리가 둥근 직사각형 47"/>
            <p:cNvSpPr/>
            <p:nvPr/>
          </p:nvSpPr>
          <p:spPr>
            <a:xfrm>
              <a:off x="8475477" y="1957003"/>
              <a:ext cx="2233614" cy="3880288"/>
            </a:xfrm>
            <a:prstGeom prst="roundRect">
              <a:avLst>
                <a:gd name="adj" fmla="val 0"/>
              </a:avLst>
            </a:prstGeom>
            <a:solidFill>
              <a:srgbClr val="000000">
                <a:alpha val="7098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56" name="모서리가 둥근 직사각형 55"/>
            <p:cNvSpPr/>
            <p:nvPr/>
          </p:nvSpPr>
          <p:spPr>
            <a:xfrm>
              <a:off x="8586265" y="2303714"/>
              <a:ext cx="2001190" cy="674394"/>
            </a:xfrm>
            <a:prstGeom prst="roundRect">
              <a:avLst>
                <a:gd name="adj" fmla="val 16042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57" name="모서리가 둥근 직사각형 56"/>
            <p:cNvSpPr/>
            <p:nvPr/>
          </p:nvSpPr>
          <p:spPr>
            <a:xfrm>
              <a:off x="8597111" y="3541165"/>
              <a:ext cx="2001190" cy="674394"/>
            </a:xfrm>
            <a:prstGeom prst="roundRect">
              <a:avLst>
                <a:gd name="adj" fmla="val 16042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58" name="모서리가 둥근 직사각형 57"/>
            <p:cNvSpPr/>
            <p:nvPr/>
          </p:nvSpPr>
          <p:spPr>
            <a:xfrm>
              <a:off x="8586265" y="4809122"/>
              <a:ext cx="2001190" cy="674394"/>
            </a:xfrm>
            <a:prstGeom prst="roundRect">
              <a:avLst>
                <a:gd name="adj" fmla="val 16042"/>
              </a:avLst>
            </a:prstGeom>
            <a:solidFill>
              <a:srgbClr val="E2E2E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bg2">
                    <a:lumMod val="10000"/>
                  </a:schemeClr>
                </a:solidFill>
              </a:endParaRPr>
            </a:p>
          </p:txBody>
        </p:sp>
        <p:sp>
          <p:nvSpPr>
            <p:cNvPr id="75" name="직사각형 74"/>
            <p:cNvSpPr/>
            <p:nvPr/>
          </p:nvSpPr>
          <p:spPr>
            <a:xfrm>
              <a:off x="8586265" y="2310694"/>
              <a:ext cx="2001190" cy="674394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3600" dirty="0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운동장</a:t>
              </a:r>
              <a:endParaRPr lang="ko-KR" altLang="en-US" sz="36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76" name="직사각형 75"/>
            <p:cNvSpPr/>
            <p:nvPr/>
          </p:nvSpPr>
          <p:spPr>
            <a:xfrm>
              <a:off x="8597111" y="3561987"/>
              <a:ext cx="2001190" cy="674394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3600" dirty="0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체육관</a:t>
              </a:r>
              <a:endParaRPr lang="ko-KR" altLang="en-US" sz="36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  <p:sp>
          <p:nvSpPr>
            <p:cNvPr id="77" name="직사각형 76"/>
            <p:cNvSpPr/>
            <p:nvPr/>
          </p:nvSpPr>
          <p:spPr>
            <a:xfrm>
              <a:off x="8584241" y="4819492"/>
              <a:ext cx="2001190" cy="674394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ko-KR" altLang="en-US" sz="3600" dirty="0" smtClean="0">
                  <a:solidFill>
                    <a:schemeClr val="bg2">
                      <a:lumMod val="10000"/>
                    </a:schemeClr>
                  </a:solidFill>
                  <a:latin typeface="DX피오피" panose="02020600000000000000" pitchFamily="18" charset="-127"/>
                  <a:ea typeface="DX피오피" panose="02020600000000000000" pitchFamily="18" charset="-127"/>
                </a:rPr>
                <a:t>정문</a:t>
              </a:r>
              <a:endParaRPr lang="ko-KR" altLang="en-US" sz="3600" dirty="0">
                <a:solidFill>
                  <a:schemeClr val="bg2">
                    <a:lumMod val="10000"/>
                  </a:schemeClr>
                </a:solidFill>
                <a:latin typeface="DX피오피" panose="02020600000000000000" pitchFamily="18" charset="-127"/>
                <a:ea typeface="DX피오피" panose="02020600000000000000" pitchFamily="18" charset="-127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252906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5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25E-6 1.85185E-6 L -0.29193 0.00162 " pathEditMode="relative" rAng="0" ptsTypes="AA">
                                      <p:cBhvr>
                                        <p:cTn id="6" dur="2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4596" y="69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63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4.16667E-6 -2.22222E-6 L 0.29128 0.00255 " pathEditMode="relative" rAng="0" ptsTypes="AA">
                                      <p:cBhvr>
                                        <p:cTn id="8" dur="25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4557" y="116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" dur="2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" dur="2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2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10</TotalTime>
  <Words>131</Words>
  <Application>Microsoft Office PowerPoint</Application>
  <PresentationFormat>와이드스크린</PresentationFormat>
  <Paragraphs>95</Paragraphs>
  <Slides>16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4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16</vt:i4>
      </vt:variant>
    </vt:vector>
  </HeadingPairs>
  <TitlesOfParts>
    <vt:vector size="21" baseType="lpstr">
      <vt:lpstr>DX피오피</vt:lpstr>
      <vt:lpstr>맑은 고딕</vt:lpstr>
      <vt:lpstr>Arial</vt:lpstr>
      <vt:lpstr>HY얕은샘물M</vt:lpstr>
      <vt:lpstr>Office 테마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Windows 사용자</dc:creator>
  <cp:lastModifiedBy>Windows 사용자</cp:lastModifiedBy>
  <cp:revision>60</cp:revision>
  <dcterms:created xsi:type="dcterms:W3CDTF">2017-05-25T04:50:15Z</dcterms:created>
  <dcterms:modified xsi:type="dcterms:W3CDTF">2017-06-07T01:47:27Z</dcterms:modified>
</cp:coreProperties>
</file>